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8D9906D" w14:textId="25000D52" w:rsidR="002103CB" w:rsidRDefault="002103CB" w:rsidP="00B8010E">
      <w:pPr>
        <w:spacing w:after="160" w:line="259" w:lineRule="auto"/>
        <w:rPr>
          <w:b/>
          <w:bCs/>
        </w:rPr>
      </w:pPr>
      <w:r w:rsidRPr="00A357AB">
        <w:rPr>
          <w:b/>
          <w:bCs/>
          <w:noProof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43F12383" wp14:editId="654A36EF">
                <wp:simplePos x="0" y="0"/>
                <wp:positionH relativeFrom="column">
                  <wp:posOffset>1270</wp:posOffset>
                </wp:positionH>
                <wp:positionV relativeFrom="paragraph">
                  <wp:posOffset>224790</wp:posOffset>
                </wp:positionV>
                <wp:extent cx="6115050" cy="1114425"/>
                <wp:effectExtent l="19050" t="19050" r="19050" b="28575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15050" cy="111442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C6754AC" w14:textId="5F995EA1" w:rsidR="002103CB" w:rsidRPr="00DA3DA3" w:rsidRDefault="002103CB" w:rsidP="00DA3DA3">
                            <w:pPr>
                              <w:spacing w:line="276" w:lineRule="auto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Hankintasopimuksen mallipohjaan on merkitty hakasulkein kohdat, joita on vähintään tarkoitus muokata. </w:t>
                            </w:r>
                            <w:r w:rsidR="0031083F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Yleisohje sopimustekstiin on, että sopimuksen pitää olla tarjouspyynnön mukainen.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Dokumentt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pohjaa voidaan käyttää yksittäisen työn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puitesopimuksen pohjana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 A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siakirjojen soveltamisjärjestyksessä toisena on urakkaneuvottelun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aloituskokouksen pöytäkirja riippuen</w:t>
                            </w:r>
                            <w:r w:rsidR="0092123C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siitä, kumpi sopimus on kyseessä. Dokumenttipohja sisältää ohjekenttiä, joista tämä ohje on esimerkki. Poista lopuksi ohjekentät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43F12383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.1pt;margin-top:17.7pt;width:481.5pt;height:87.75pt;z-index:25165824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" strokecolor="black [3213]" strokeweight="2.25pt">
                <v:textbox>
                  <w:txbxContent>
                    <w:p w14:paraId="2C6754AC" w14:textId="5F995EA1" w:rsidR="002103CB" w:rsidRPr="00DA3DA3" w:rsidRDefault="002103CB" w:rsidP="00DA3DA3">
                      <w:pPr>
                        <w:spacing w:line="276" w:lineRule="auto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Hankintasopimuksen mallipohjaan on merkitty hakasulkein kohdat, joita on vähintään tarkoitus muokata. </w:t>
                      </w:r>
                      <w:r w:rsidR="0031083F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Yleisohje sopimustekstiin on, että sopimuksen pitää olla tarjouspyynnön mukainen.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Dokumentt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pohjaa voidaan käyttää yksittäisen työn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ta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puitesopimuksen pohjana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. A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siakirjojen soveltamisjärjestyksessä toisena on urakkaneuvottelun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ta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aloituskokouksen pöytäkirja riippuen</w:t>
                      </w:r>
                      <w:r w:rsidR="0092123C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siitä, kumpi sopimus on kyseessä. Dokumenttipohja sisältää ohjekenttiä, joista tämä ohje on esimerkki. Poista lopuksi ohjekentät.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183F4056" w14:textId="733DCD76" w:rsidR="00213C0E" w:rsidRDefault="00213C0E" w:rsidP="00B8010E">
      <w:pPr>
        <w:spacing w:after="160" w:line="259" w:lineRule="auto"/>
        <w:rPr>
          <w:b/>
          <w:bCs/>
        </w:rPr>
      </w:pPr>
    </w:p>
    <w:p w14:paraId="5D10B5FE" w14:textId="1EB05D81" w:rsidR="00B8010E" w:rsidRPr="005737AE" w:rsidRDefault="00B8010E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5737AE">
        <w:rPr>
          <w:rFonts w:ascii="Arial" w:hAnsi="Arial" w:cs="Arial"/>
          <w:sz w:val="22"/>
          <w:szCs w:val="22"/>
        </w:rPr>
        <w:t>Tilaaja</w:t>
      </w:r>
    </w:p>
    <w:p w14:paraId="744B1D1F" w14:textId="77777777" w:rsidR="00B8010E" w:rsidRPr="00DA3DA3" w:rsidRDefault="00B8010E" w:rsidP="00DA3DA3">
      <w:pPr>
        <w:spacing w:after="160" w:line="276" w:lineRule="auto"/>
        <w:rPr>
          <w:rFonts w:ascii="Arial" w:hAnsi="Arial" w:cs="Arial"/>
          <w:sz w:val="20"/>
          <w:szCs w:val="20"/>
        </w:rPr>
      </w:pPr>
    </w:p>
    <w:p w14:paraId="7478F01F" w14:textId="142CCF83" w:rsidR="00ED27A4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:</w:t>
      </w:r>
    </w:p>
    <w:p w14:paraId="4B88D382" w14:textId="507EDE57" w:rsidR="00ED27A4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hteyshenkilö:</w:t>
      </w:r>
    </w:p>
    <w:p w14:paraId="6522CC14" w14:textId="47DCB362" w:rsidR="00B8010E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</w:t>
      </w:r>
      <w:r w:rsidR="00B8010E" w:rsidRPr="00DA3DA3">
        <w:rPr>
          <w:rFonts w:ascii="Arial" w:hAnsi="Arial" w:cs="Arial"/>
          <w:sz w:val="20"/>
          <w:szCs w:val="20"/>
        </w:rPr>
        <w:t xml:space="preserve">soite: </w:t>
      </w:r>
    </w:p>
    <w:p w14:paraId="02FC104F" w14:textId="67037CA7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Puhelin: </w:t>
      </w:r>
    </w:p>
    <w:p w14:paraId="1B0A4F8A" w14:textId="7A1E306D" w:rsidR="00B8010E" w:rsidRDefault="00864FB1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</w:t>
      </w:r>
      <w:r w:rsidR="00B8010E" w:rsidRPr="00DA3DA3">
        <w:rPr>
          <w:rFonts w:ascii="Arial" w:hAnsi="Arial" w:cs="Arial"/>
          <w:sz w:val="20"/>
          <w:szCs w:val="20"/>
        </w:rPr>
        <w:t>ähköposti</w:t>
      </w:r>
      <w:r w:rsidRPr="00DA3DA3">
        <w:rPr>
          <w:rFonts w:ascii="Arial" w:hAnsi="Arial" w:cs="Arial"/>
          <w:sz w:val="20"/>
          <w:szCs w:val="20"/>
        </w:rPr>
        <w:t>:</w:t>
      </w:r>
    </w:p>
    <w:p w14:paraId="14153E9E" w14:textId="77777777" w:rsidR="00D52569" w:rsidRPr="00DA3DA3" w:rsidRDefault="00D52569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12092223" w14:textId="451E5BA8" w:rsidR="00B8010E" w:rsidRPr="005737AE" w:rsidRDefault="00B0028A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5737AE">
        <w:rPr>
          <w:rFonts w:ascii="Arial" w:hAnsi="Arial" w:cs="Arial"/>
          <w:sz w:val="22"/>
          <w:szCs w:val="22"/>
        </w:rPr>
        <w:t>Toimittaja</w:t>
      </w:r>
    </w:p>
    <w:p w14:paraId="385E0101" w14:textId="77777777" w:rsidR="00684EBA" w:rsidRPr="00DA3DA3" w:rsidRDefault="00684EBA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4C4F7608" w14:textId="15508F39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Toimittaja: </w:t>
      </w:r>
    </w:p>
    <w:p w14:paraId="247088D8" w14:textId="4FBAE64D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hteyshenkilö</w:t>
      </w:r>
      <w:r w:rsidR="00864FB1" w:rsidRPr="00DA3DA3">
        <w:rPr>
          <w:rFonts w:ascii="Arial" w:hAnsi="Arial" w:cs="Arial"/>
          <w:sz w:val="20"/>
          <w:szCs w:val="20"/>
        </w:rPr>
        <w:t>:</w:t>
      </w:r>
    </w:p>
    <w:p w14:paraId="1EC758AD" w14:textId="7411A903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soite</w:t>
      </w:r>
      <w:r w:rsidR="00CF32D6" w:rsidRPr="00DA3DA3">
        <w:rPr>
          <w:rFonts w:ascii="Arial" w:hAnsi="Arial" w:cs="Arial"/>
          <w:sz w:val="20"/>
          <w:szCs w:val="20"/>
        </w:rPr>
        <w:t>:</w:t>
      </w:r>
    </w:p>
    <w:p w14:paraId="611B3885" w14:textId="77777777" w:rsidR="00B0028A" w:rsidRPr="00DA3DA3" w:rsidRDefault="00B0028A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Puhelin: </w:t>
      </w:r>
    </w:p>
    <w:p w14:paraId="6C542CE4" w14:textId="77777777" w:rsidR="00B0028A" w:rsidRPr="00DA3DA3" w:rsidRDefault="00B0028A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ähköposti:</w:t>
      </w:r>
    </w:p>
    <w:p w14:paraId="0C3E8D34" w14:textId="7EA8C4CE" w:rsidR="00B8010E" w:rsidRPr="00DA3DA3" w:rsidRDefault="00D52569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Toimituksen sisältö: Kuntotutkimuspalvelut ajalle</w:t>
      </w:r>
    </w:p>
    <w:p w14:paraId="56BBC959" w14:textId="31FAD1A3" w:rsidR="00B8010E" w:rsidRDefault="004E3D3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.X.202X–XX.X.202X</w:t>
      </w:r>
      <w:r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(+ optio yksi vuosi)</w:t>
      </w:r>
    </w:p>
    <w:p w14:paraId="20B9CD92" w14:textId="77777777" w:rsidR="00D52569" w:rsidRPr="00DA3DA3" w:rsidRDefault="00D52569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7D2843C7" w14:textId="640971DE" w:rsidR="00B8010E" w:rsidRPr="00DA3DA3" w:rsidRDefault="00D70C31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5737AE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1" behindDoc="0" locked="0" layoutInCell="1" allowOverlap="1" wp14:anchorId="45403B83" wp14:editId="51976AD4">
                <wp:simplePos x="0" y="0"/>
                <wp:positionH relativeFrom="margin">
                  <wp:align>left</wp:align>
                </wp:positionH>
                <wp:positionV relativeFrom="paragraph">
                  <wp:posOffset>419735</wp:posOffset>
                </wp:positionV>
                <wp:extent cx="6083300" cy="336550"/>
                <wp:effectExtent l="19050" t="19050" r="12700" b="25400"/>
                <wp:wrapSquare wrapText="bothSides"/>
                <wp:docPr id="89167883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3365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3B7FA74" w14:textId="2D7EC99C" w:rsidR="002103CB" w:rsidRPr="003E0085" w:rsidRDefault="002103CB" w:rsidP="002103CB">
                            <w:r>
                              <w:t>Ohje: Tä</w:t>
                            </w:r>
                            <w:r w:rsidR="00DE12AC">
                              <w:t>hän</w:t>
                            </w:r>
                            <w:r>
                              <w:t xml:space="preserve"> koh</w:t>
                            </w:r>
                            <w:r w:rsidR="00DE12AC">
                              <w:t>taan tarkistetaan</w:t>
                            </w:r>
                            <w:r w:rsidR="006062FA">
                              <w:t>, mikä on JYSE:n viimeisin versio</w:t>
                            </w:r>
                            <w:r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5403B83" id="_x0000_s1027" type="#_x0000_t202" style="position:absolute;left:0;text-align:left;margin-left:0;margin-top:33.05pt;width:479pt;height:26.5pt;z-index:251658241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" strokecolor="black [3213]" strokeweight="2.25pt">
                <v:textbox>
                  <w:txbxContent>
                    <w:p w14:paraId="13B7FA74" w14:textId="2D7EC99C" w:rsidR="002103CB" w:rsidRPr="003E0085" w:rsidRDefault="002103CB" w:rsidP="002103CB">
                      <w:r>
                        <w:t>Ohje: Tä</w:t>
                      </w:r>
                      <w:r w:rsidR="00DE12AC">
                        <w:t>hän</w:t>
                      </w:r>
                      <w:r>
                        <w:t xml:space="preserve"> koh</w:t>
                      </w:r>
                      <w:r w:rsidR="00DE12AC">
                        <w:t>taan tarkistetaan</w:t>
                      </w:r>
                      <w:r w:rsidR="006062FA">
                        <w:t>, mikä on JYSE:n viimeisin versio</w:t>
                      </w:r>
                      <w:r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5737AE">
        <w:rPr>
          <w:rFonts w:ascii="Arial" w:hAnsi="Arial" w:cs="Arial"/>
          <w:sz w:val="22"/>
          <w:szCs w:val="22"/>
        </w:rPr>
        <w:t>Määritelmä</w:t>
      </w:r>
    </w:p>
    <w:p w14:paraId="51D6E277" w14:textId="0261A863" w:rsidR="00B8010E" w:rsidRPr="00DA3DA3" w:rsidRDefault="00D52569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FF25DD" w:rsidRPr="00DA3DA3">
        <w:rPr>
          <w:rFonts w:ascii="Arial" w:hAnsi="Arial" w:cs="Arial"/>
          <w:sz w:val="20"/>
          <w:szCs w:val="20"/>
        </w:rPr>
        <w:t>K</w:t>
      </w:r>
      <w:r w:rsidR="00B8010E" w:rsidRPr="00DA3DA3">
        <w:rPr>
          <w:rFonts w:ascii="Arial" w:hAnsi="Arial" w:cs="Arial"/>
          <w:sz w:val="20"/>
          <w:szCs w:val="20"/>
        </w:rPr>
        <w:t>untotutkimuspalveluita koskeva sopimus koostuu hankintapäätöksestä, tästä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sopimuksesta, tar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jous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pyyn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töasiakirjoista, JYSE 2014 palvelut (päivitysversio huhtikuu 20</w:t>
      </w:r>
      <w:r w:rsidR="004609F7" w:rsidRPr="00DA3DA3">
        <w:rPr>
          <w:rFonts w:ascii="Arial" w:hAnsi="Arial" w:cs="Arial"/>
          <w:sz w:val="20"/>
          <w:szCs w:val="20"/>
        </w:rPr>
        <w:t>22</w:t>
      </w:r>
      <w:r w:rsidR="00B8010E" w:rsidRPr="00DA3DA3">
        <w:rPr>
          <w:rFonts w:ascii="Arial" w:hAnsi="Arial" w:cs="Arial"/>
          <w:sz w:val="20"/>
          <w:szCs w:val="20"/>
        </w:rPr>
        <w:t>)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ja tarjoajan tarjouksesta siltä osin kuin lueteltujen asiakirjojen sisältö ei ole ristiriidass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uettelossa sitä edeltäviin asiakirjoihin nähden.</w:t>
      </w:r>
    </w:p>
    <w:p w14:paraId="3BBAC5B3" w14:textId="4A1B6F84" w:rsidR="00B8010E" w:rsidRPr="00EC70AC" w:rsidRDefault="00B8010E" w:rsidP="00EC70AC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EC70AC">
        <w:rPr>
          <w:rFonts w:ascii="Arial" w:hAnsi="Arial" w:cs="Arial"/>
          <w:sz w:val="22"/>
          <w:szCs w:val="22"/>
        </w:rPr>
        <w:lastRenderedPageBreak/>
        <w:t xml:space="preserve">Sopimuksen </w:t>
      </w:r>
      <w:commentRangeStart w:id="0"/>
      <w:r w:rsidRPr="00EC70AC">
        <w:rPr>
          <w:rFonts w:ascii="Arial" w:hAnsi="Arial" w:cs="Arial"/>
          <w:sz w:val="22"/>
          <w:szCs w:val="22"/>
        </w:rPr>
        <w:t>kohde</w:t>
      </w:r>
      <w:commentRangeEnd w:id="0"/>
      <w:r w:rsidR="00F907FD" w:rsidRPr="00EC70AC">
        <w:rPr>
          <w:sz w:val="22"/>
          <w:szCs w:val="22"/>
        </w:rPr>
        <w:commentReference w:id="0"/>
      </w:r>
    </w:p>
    <w:p w14:paraId="60ACAFF9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6BB0A452" w14:textId="36007D3B" w:rsidR="00B8010E" w:rsidRPr="00DA3DA3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Sopimuksen kohteena on suorittaa </w:t>
      </w:r>
      <w:r w:rsidR="00DD449D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jätevesi- ja sadevesiviemäreiden kuvaamall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tapahtuvaa </w:t>
      </w:r>
      <w:r w:rsidR="009957CD" w:rsidRPr="00DA3DA3">
        <w:rPr>
          <w:rFonts w:ascii="Arial" w:hAnsi="Arial" w:cs="Arial"/>
          <w:sz w:val="20"/>
          <w:szCs w:val="20"/>
        </w:rPr>
        <w:t>kunto</w:t>
      </w:r>
      <w:r w:rsidR="00EC70AC">
        <w:rPr>
          <w:rFonts w:ascii="Arial" w:hAnsi="Arial" w:cs="Arial"/>
          <w:sz w:val="20"/>
          <w:szCs w:val="20"/>
        </w:rPr>
        <w:softHyphen/>
      </w:r>
      <w:r w:rsidR="009957CD" w:rsidRPr="00DA3DA3">
        <w:rPr>
          <w:rFonts w:ascii="Arial" w:hAnsi="Arial" w:cs="Arial"/>
          <w:sz w:val="20"/>
          <w:szCs w:val="20"/>
        </w:rPr>
        <w:t xml:space="preserve">tutkimusta ja viemärin tarkastuskaivojen yleispiirteistä kuntotutkimusta </w:t>
      </w:r>
      <w:r w:rsidRPr="00DA3DA3">
        <w:rPr>
          <w:rFonts w:ascii="Arial" w:hAnsi="Arial" w:cs="Arial"/>
          <w:sz w:val="20"/>
          <w:szCs w:val="20"/>
        </w:rPr>
        <w:t>sekä uusien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9957CD" w:rsidRPr="00DA3DA3">
        <w:rPr>
          <w:rFonts w:ascii="Arial" w:hAnsi="Arial" w:cs="Arial"/>
          <w:sz w:val="20"/>
          <w:szCs w:val="20"/>
        </w:rPr>
        <w:t xml:space="preserve">ja saneerattujen </w:t>
      </w:r>
      <w:r w:rsidRPr="00DA3DA3">
        <w:rPr>
          <w:rFonts w:ascii="Arial" w:hAnsi="Arial" w:cs="Arial"/>
          <w:sz w:val="20"/>
          <w:szCs w:val="20"/>
        </w:rPr>
        <w:t>viemäreiden vastaanottokuvauksia tilaajan palvelualueella (</w:t>
      </w:r>
      <w:r w:rsidR="00DD449D" w:rsidRPr="00DA3DA3">
        <w:rPr>
          <w:rFonts w:ascii="Arial" w:hAnsi="Arial" w:cs="Arial"/>
          <w:sz w:val="20"/>
          <w:szCs w:val="20"/>
        </w:rPr>
        <w:t>Kunnon</w:t>
      </w:r>
      <w:r w:rsidRPr="00DA3DA3">
        <w:rPr>
          <w:rFonts w:ascii="Arial" w:hAnsi="Arial" w:cs="Arial"/>
          <w:sz w:val="20"/>
          <w:szCs w:val="20"/>
        </w:rPr>
        <w:t xml:space="preserve"> kunnan alue)</w:t>
      </w:r>
      <w:r w:rsidR="00DD449D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>. Työ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sisältää </w:t>
      </w:r>
      <w:r w:rsidR="004D1272" w:rsidRPr="00DA3DA3">
        <w:rPr>
          <w:rFonts w:ascii="Arial" w:hAnsi="Arial" w:cs="Arial"/>
          <w:sz w:val="20"/>
          <w:szCs w:val="20"/>
        </w:rPr>
        <w:t>[valmis</w:t>
      </w:r>
      <w:r w:rsidR="00EC70AC">
        <w:rPr>
          <w:rFonts w:ascii="Arial" w:hAnsi="Arial" w:cs="Arial"/>
          <w:sz w:val="20"/>
          <w:szCs w:val="20"/>
        </w:rPr>
        <w:softHyphen/>
      </w:r>
      <w:r w:rsidR="004D1272" w:rsidRPr="00DA3DA3">
        <w:rPr>
          <w:rFonts w:ascii="Arial" w:hAnsi="Arial" w:cs="Arial"/>
          <w:sz w:val="20"/>
          <w:szCs w:val="20"/>
        </w:rPr>
        <w:t xml:space="preserve">televan työnä tarvittavan viemäreiden puhdistamisen] </w:t>
      </w:r>
      <w:r w:rsidRPr="00DA3DA3">
        <w:rPr>
          <w:rFonts w:ascii="Arial" w:hAnsi="Arial" w:cs="Arial"/>
          <w:sz w:val="20"/>
          <w:szCs w:val="20"/>
        </w:rPr>
        <w:t>työ</w:t>
      </w:r>
      <w:r w:rsidR="0035497D" w:rsidRPr="00DA3DA3">
        <w:rPr>
          <w:rFonts w:ascii="Arial" w:hAnsi="Arial" w:cs="Arial"/>
          <w:sz w:val="20"/>
          <w:szCs w:val="20"/>
        </w:rPr>
        <w:t>selostukse</w:t>
      </w:r>
      <w:r w:rsidRPr="00DA3DA3">
        <w:rPr>
          <w:rFonts w:ascii="Arial" w:hAnsi="Arial" w:cs="Arial"/>
          <w:sz w:val="20"/>
          <w:szCs w:val="20"/>
        </w:rPr>
        <w:t>n mukaisesti.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oimittaja vastaa palvelun tuottamisesta, tehtävään asetetuista ajoneuvoista ja työkoneist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arusteineen sekä kuljettajista ja muista työntekijöistään, heidän ammattitaidostaan ja työn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laadusta sekä työnjohdosta.</w:t>
      </w:r>
    </w:p>
    <w:p w14:paraId="04DB0399" w14:textId="4DAE1341" w:rsidR="00B8010E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os toimittaja ei pysty tarjoamaan palveluita sopimuksen mukaisesti, on tilaajalla oikeus tilat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alvelu toiselta toimittajalta.</w:t>
      </w:r>
    </w:p>
    <w:p w14:paraId="13F35596" w14:textId="77777777" w:rsidR="00EC70AC" w:rsidRPr="00DA3DA3" w:rsidRDefault="00EC70AC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4822DDDE" w14:textId="003650C4" w:rsidR="00B8010E" w:rsidRPr="00EC70AC" w:rsidRDefault="00C434DD" w:rsidP="00EC70AC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DA3DA3">
        <w:rPr>
          <w:rFonts w:ascii="Arial" w:hAnsi="Arial" w:cs="Arial"/>
          <w:b w:val="0"/>
          <w:bCs w:val="0"/>
          <w:noProof/>
          <w:sz w:val="20"/>
          <w:szCs w:val="20"/>
        </w:rPr>
        <mc:AlternateContent>
          <mc:Choice Requires="wps">
            <w:drawing>
              <wp:anchor distT="45720" distB="45720" distL="114300" distR="114300" simplePos="0" relativeHeight="251658242" behindDoc="0" locked="0" layoutInCell="1" allowOverlap="1" wp14:anchorId="543A5E4A" wp14:editId="3BC207DE">
                <wp:simplePos x="0" y="0"/>
                <wp:positionH relativeFrom="margin">
                  <wp:align>right</wp:align>
                </wp:positionH>
                <wp:positionV relativeFrom="paragraph">
                  <wp:posOffset>361950</wp:posOffset>
                </wp:positionV>
                <wp:extent cx="6083300" cy="476250"/>
                <wp:effectExtent l="19050" t="19050" r="12700" b="19050"/>
                <wp:wrapSquare wrapText="bothSides"/>
                <wp:docPr id="208997161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762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FF73C66" w14:textId="223CADB1" w:rsidR="0035497D" w:rsidRPr="00702D70" w:rsidRDefault="0035497D" w:rsidP="0035497D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</w:t>
                            </w:r>
                            <w:r w:rsidR="00C532C9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Tähän kohtaan tarkistetaan, </w:t>
                            </w:r>
                            <w:r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ikä on JYSE:n viimeisin versio.</w:t>
                            </w:r>
                            <w:r w:rsidR="00D97242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Soveltamisjärjestyksessä toisena on joko urakkaneuvottelun </w:t>
                            </w:r>
                            <w:r w:rsidR="00AB36ED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(puitesopimus)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tai aloituskokouksen </w:t>
                            </w:r>
                            <w:r w:rsidR="00AB36ED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(yksittäinen työ)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pöytäkirja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43A5E4A" id="_x0000_s1028" type="#_x0000_t202" style="position:absolute;left:0;text-align:left;margin-left:427.8pt;margin-top:28.5pt;width:479pt;height:37.5pt;z-index:251658242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" strokecolor="black [3213]" strokeweight="2.25pt">
                <v:textbox>
                  <w:txbxContent>
                    <w:p w14:paraId="2FF73C66" w14:textId="223CADB1" w:rsidR="0035497D" w:rsidRPr="00702D70" w:rsidRDefault="0035497D" w:rsidP="0035497D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</w:t>
                      </w:r>
                      <w:r w:rsidR="00C532C9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Tähän kohtaan tarkistetaan, </w:t>
                      </w:r>
                      <w:r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>mikä on JYSE:n viimeisin versio.</w:t>
                      </w:r>
                      <w:r w:rsidR="00D97242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Soveltamisjärjestyksessä toisena on joko urakkaneuvottelun </w:t>
                      </w:r>
                      <w:r w:rsidR="00AB36ED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(puitesopimus)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tai aloituskokouksen </w:t>
                      </w:r>
                      <w:r w:rsidR="00AB36ED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(yksittäinen työ)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>pöytäkirja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EC70AC">
        <w:rPr>
          <w:rFonts w:ascii="Arial" w:hAnsi="Arial" w:cs="Arial"/>
          <w:sz w:val="22"/>
          <w:szCs w:val="22"/>
        </w:rPr>
        <w:t xml:space="preserve">Sovellettavat yleiset </w:t>
      </w:r>
      <w:commentRangeStart w:id="1"/>
      <w:r w:rsidR="00B8010E" w:rsidRPr="00EC70AC">
        <w:rPr>
          <w:rFonts w:ascii="Arial" w:hAnsi="Arial" w:cs="Arial"/>
          <w:sz w:val="22"/>
          <w:szCs w:val="22"/>
        </w:rPr>
        <w:t>sopimusehdot</w:t>
      </w:r>
      <w:commentRangeEnd w:id="1"/>
      <w:r w:rsidR="00AB36ED" w:rsidRPr="00EC70AC">
        <w:rPr>
          <w:sz w:val="22"/>
          <w:szCs w:val="22"/>
        </w:rPr>
        <w:commentReference w:id="1"/>
      </w:r>
    </w:p>
    <w:p w14:paraId="7CABC4CB" w14:textId="6495D1BD" w:rsidR="00B8010E" w:rsidRPr="00DA3DA3" w:rsidRDefault="00C434DD" w:rsidP="00C434DD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Asiakirjojen soveltamisjärjestys on seuraava:</w:t>
      </w:r>
    </w:p>
    <w:p w14:paraId="64A99F0C" w14:textId="3E6FDAE3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mus</w:t>
      </w:r>
      <w:r w:rsidR="009F542E" w:rsidRPr="00DA3DA3">
        <w:rPr>
          <w:rFonts w:ascii="Arial" w:hAnsi="Arial" w:cs="Arial"/>
          <w:color w:val="FF0000"/>
          <w:sz w:val="20"/>
          <w:szCs w:val="20"/>
        </w:rPr>
        <w:t xml:space="preserve"> </w:t>
      </w:r>
      <w:r w:rsidR="009F542E" w:rsidRPr="00DA3DA3">
        <w:rPr>
          <w:rFonts w:ascii="Arial" w:hAnsi="Arial" w:cs="Arial"/>
          <w:sz w:val="20"/>
          <w:szCs w:val="20"/>
        </w:rPr>
        <w:t>liitteineen</w:t>
      </w:r>
    </w:p>
    <w:p w14:paraId="5A478093" w14:textId="79778C60" w:rsidR="00B8010E" w:rsidRPr="00DA3DA3" w:rsidRDefault="00D97242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Urakkaneuvottelun / a</w:t>
      </w:r>
      <w:r w:rsidR="00B8010E" w:rsidRPr="00DA3DA3">
        <w:rPr>
          <w:rFonts w:ascii="Arial" w:hAnsi="Arial" w:cs="Arial"/>
          <w:sz w:val="20"/>
          <w:szCs w:val="20"/>
        </w:rPr>
        <w:t>loituskokouksen</w:t>
      </w:r>
      <w:r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pöytäkirja</w:t>
      </w:r>
    </w:p>
    <w:p w14:paraId="041C72DA" w14:textId="2DB95CBC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pyyntö liitteineen</w:t>
      </w:r>
    </w:p>
    <w:p w14:paraId="01CCE0DD" w14:textId="636E9F83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ulkisten hankintojen yleiset sopimusehdot palveluhankinnoissa</w:t>
      </w:r>
      <w:r w:rsidR="00864FB1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(JYSE 2014 PALVELUT, päivitysversio</w:t>
      </w:r>
      <w:r w:rsidR="00914BE6" w:rsidRPr="00DA3DA3">
        <w:rPr>
          <w:rFonts w:ascii="Arial" w:hAnsi="Arial" w:cs="Arial"/>
          <w:sz w:val="20"/>
          <w:szCs w:val="20"/>
        </w:rPr>
        <w:t xml:space="preserve"> </w:t>
      </w:r>
      <w:r w:rsidR="0035497D" w:rsidRPr="00DA3DA3">
        <w:rPr>
          <w:rFonts w:ascii="Arial" w:hAnsi="Arial" w:cs="Arial"/>
          <w:sz w:val="20"/>
          <w:szCs w:val="20"/>
        </w:rPr>
        <w:t>2022</w:t>
      </w:r>
      <w:r w:rsidRPr="00DA3DA3">
        <w:rPr>
          <w:rFonts w:ascii="Arial" w:hAnsi="Arial" w:cs="Arial"/>
          <w:sz w:val="20"/>
          <w:szCs w:val="20"/>
        </w:rPr>
        <w:t>)</w:t>
      </w:r>
    </w:p>
    <w:p w14:paraId="2BDB3176" w14:textId="53D0D0AD" w:rsidR="00B8010E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</w:t>
      </w:r>
      <w:r w:rsidR="00F506C6">
        <w:rPr>
          <w:rFonts w:ascii="Arial" w:hAnsi="Arial" w:cs="Arial"/>
          <w:sz w:val="20"/>
          <w:szCs w:val="20"/>
        </w:rPr>
        <w:br/>
      </w:r>
    </w:p>
    <w:p w14:paraId="7600C7D8" w14:textId="438F30E1" w:rsidR="00B8010E" w:rsidRPr="00F506C6" w:rsidRDefault="0035497D" w:rsidP="00F506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F506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3" behindDoc="0" locked="0" layoutInCell="1" allowOverlap="1" wp14:anchorId="07AE827A" wp14:editId="3057B230">
                <wp:simplePos x="0" y="0"/>
                <wp:positionH relativeFrom="margin">
                  <wp:posOffset>12065</wp:posOffset>
                </wp:positionH>
                <wp:positionV relativeFrom="paragraph">
                  <wp:posOffset>339090</wp:posOffset>
                </wp:positionV>
                <wp:extent cx="6083300" cy="654050"/>
                <wp:effectExtent l="19050" t="19050" r="12700" b="12700"/>
                <wp:wrapSquare wrapText="bothSides"/>
                <wp:docPr id="92150711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6540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D985634" w14:textId="72179934" w:rsidR="0035497D" w:rsidRPr="00F506C6" w:rsidRDefault="0035497D" w:rsidP="0035497D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hän koh</w:t>
                            </w:r>
                            <w:r w:rsidR="005611A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an lis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ätää</w:t>
                            </w:r>
                            <w:r w:rsidR="005611A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n</w:t>
                            </w:r>
                            <w:r w:rsidR="00971DB2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rjouspyynnössä esitetyt kriteerit esimerkiksi kaluston teknisten vaati</w:t>
                            </w:r>
                            <w:r w:rsid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softHyphen/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u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k</w:t>
                            </w:r>
                            <w:r w:rsid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softHyphen/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sille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BF5CB7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ja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päästö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ille</w:t>
                            </w:r>
                            <w:r w:rsidR="00BF5CB7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tai tietojen siirrolle</w:t>
                            </w: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Kriteereissä voidaan </w:t>
                            </w:r>
                            <w:r w:rsidR="00F76063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viitata toiseen dokumenttiin, esimerkiksi työsuunnitelmaan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AE827A" id="_x0000_s1029" type="#_x0000_t202" style="position:absolute;left:0;text-align:left;margin-left:.95pt;margin-top:26.7pt;width:479pt;height:51.5pt;z-index:251658243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" strokecolor="black [3213]" strokeweight="2.25pt">
                <v:textbox>
                  <w:txbxContent>
                    <w:p w14:paraId="4D985634" w14:textId="72179934" w:rsidR="0035497D" w:rsidRPr="00F506C6" w:rsidRDefault="0035497D" w:rsidP="0035497D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hän koh</w:t>
                      </w:r>
                      <w:r w:rsidR="005611A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aan lis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ätää</w:t>
                      </w:r>
                      <w:r w:rsidR="005611A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n</w:t>
                      </w:r>
                      <w:r w:rsidR="00971DB2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arjouspyynnössä esitetyt kriteerit esimerkiksi kaluston teknisten vaati</w:t>
                      </w:r>
                      <w:r w:rsid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softHyphen/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mu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k</w:t>
                      </w:r>
                      <w:r w:rsid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softHyphen/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sille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BF5CB7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ja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päästö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ille</w:t>
                      </w:r>
                      <w:r w:rsidR="00BF5CB7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tai tietojen siirrolle</w:t>
                      </w: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Kriteereissä voidaan </w:t>
                      </w:r>
                      <w:r w:rsidR="00F76063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viitata toiseen dokumenttiin, esimerkiksi työsuunnitelmaan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D95721" w:rsidRPr="00F506C6">
        <w:rPr>
          <w:rFonts w:ascii="Arial" w:hAnsi="Arial" w:cs="Arial"/>
          <w:sz w:val="22"/>
          <w:szCs w:val="22"/>
        </w:rPr>
        <w:t xml:space="preserve">Tekniset </w:t>
      </w:r>
      <w:r w:rsidR="005611A0" w:rsidRPr="00F506C6">
        <w:rPr>
          <w:rFonts w:ascii="Arial" w:hAnsi="Arial" w:cs="Arial"/>
          <w:sz w:val="22"/>
          <w:szCs w:val="22"/>
        </w:rPr>
        <w:t>vaatimukset</w:t>
      </w:r>
    </w:p>
    <w:p w14:paraId="45FBF79E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A29F7FC" w14:textId="7574E23D" w:rsidR="00B8010E" w:rsidRDefault="00B8010E" w:rsidP="00F506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Käytettävän kaluston vaatimukset työ</w:t>
      </w:r>
      <w:r w:rsidR="00F76063" w:rsidRPr="00DA3DA3">
        <w:rPr>
          <w:rFonts w:ascii="Arial" w:hAnsi="Arial" w:cs="Arial"/>
          <w:sz w:val="20"/>
          <w:szCs w:val="20"/>
        </w:rPr>
        <w:t>suunnit</w:t>
      </w:r>
      <w:r w:rsidRPr="00DA3DA3">
        <w:rPr>
          <w:rFonts w:ascii="Arial" w:hAnsi="Arial" w:cs="Arial"/>
          <w:sz w:val="20"/>
          <w:szCs w:val="20"/>
        </w:rPr>
        <w:t>elman mukaisesti.</w:t>
      </w:r>
    </w:p>
    <w:p w14:paraId="54D9ABF0" w14:textId="77777777" w:rsidR="003A0FE8" w:rsidRPr="00DA3DA3" w:rsidRDefault="003A0FE8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171B704A" w14:textId="77D23684" w:rsidR="00B8010E" w:rsidRPr="00DA3DA3" w:rsidRDefault="00D95721" w:rsidP="00F506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F506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4" behindDoc="0" locked="0" layoutInCell="1" allowOverlap="1" wp14:anchorId="3727E457" wp14:editId="4F752D25">
                <wp:simplePos x="0" y="0"/>
                <wp:positionH relativeFrom="margin">
                  <wp:align>left</wp:align>
                </wp:positionH>
                <wp:positionV relativeFrom="paragraph">
                  <wp:posOffset>381635</wp:posOffset>
                </wp:positionV>
                <wp:extent cx="6083300" cy="482600"/>
                <wp:effectExtent l="19050" t="19050" r="12700" b="12700"/>
                <wp:wrapSquare wrapText="bothSides"/>
                <wp:docPr id="150078836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C9B371B" w14:textId="785CD962" w:rsidR="00D95721" w:rsidRPr="00F506C6" w:rsidRDefault="00D95721" w:rsidP="00F506C6">
                            <w:pPr>
                              <w:spacing w:line="276" w:lineRule="auto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hän kohtaan lisätään tarjouspyynnössä esitetyt kriteerit </w:t>
                            </w:r>
                            <w:r w:rsidR="008C13A3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yön suorittamiselle</w:t>
                            </w: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 Kriteereissä voidaan viitata toiseen dokumenttiin, esimerkiksi työsuunnitelmaan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727E457" id="_x0000_s1030" type="#_x0000_t202" style="position:absolute;left:0;text-align:left;margin-left:0;margin-top:30.05pt;width:479pt;height:38pt;z-index:251658244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" strokecolor="black [3213]" strokeweight="2.25pt">
                <v:textbox>
                  <w:txbxContent>
                    <w:p w14:paraId="4C9B371B" w14:textId="785CD962" w:rsidR="00D95721" w:rsidRPr="00F506C6" w:rsidRDefault="00D95721" w:rsidP="00F506C6">
                      <w:pPr>
                        <w:spacing w:line="276" w:lineRule="auto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hän kohtaan lisätään tarjouspyynnössä esitetyt kriteerit </w:t>
                      </w:r>
                      <w:r w:rsidR="008C13A3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yön suorittamiselle</w:t>
                      </w: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. Kriteereissä voidaan viitata toiseen dokumenttiin, esimerkiksi työsuunnitelmaan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F506C6">
        <w:rPr>
          <w:rFonts w:ascii="Arial" w:hAnsi="Arial" w:cs="Arial"/>
          <w:sz w:val="22"/>
          <w:szCs w:val="22"/>
        </w:rPr>
        <w:t>Kuntotutkimuksen suorittaminen</w:t>
      </w:r>
    </w:p>
    <w:p w14:paraId="7528FCB9" w14:textId="2EB934DF" w:rsidR="00B8010E" w:rsidRPr="00DA3DA3" w:rsidRDefault="00C62E8F" w:rsidP="00702D70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Kuntotutkimukset suoritetaan tarjouspyynnön työ</w:t>
      </w:r>
      <w:r w:rsidR="00F76063" w:rsidRPr="00DA3DA3">
        <w:rPr>
          <w:rFonts w:ascii="Arial" w:hAnsi="Arial" w:cs="Arial"/>
          <w:sz w:val="20"/>
          <w:szCs w:val="20"/>
        </w:rPr>
        <w:t>suunnit</w:t>
      </w:r>
      <w:r w:rsidR="00B8010E" w:rsidRPr="00DA3DA3">
        <w:rPr>
          <w:rFonts w:ascii="Arial" w:hAnsi="Arial" w:cs="Arial"/>
          <w:sz w:val="20"/>
          <w:szCs w:val="20"/>
        </w:rPr>
        <w:t xml:space="preserve">elman liitteen </w:t>
      </w:r>
      <w:r w:rsidR="00F76063" w:rsidRPr="00DA3DA3">
        <w:rPr>
          <w:rFonts w:ascii="Arial" w:hAnsi="Arial" w:cs="Arial"/>
          <w:sz w:val="20"/>
          <w:szCs w:val="20"/>
        </w:rPr>
        <w:t>X</w:t>
      </w:r>
      <w:r w:rsidR="00B8010E" w:rsidRPr="00DA3DA3">
        <w:rPr>
          <w:rFonts w:ascii="Arial" w:hAnsi="Arial" w:cs="Arial"/>
          <w:sz w:val="20"/>
          <w:szCs w:val="20"/>
        </w:rPr>
        <w:t xml:space="preserve"> ohjeiden</w:t>
      </w:r>
      <w:r w:rsidR="0074742D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mukaisesti.</w:t>
      </w:r>
    </w:p>
    <w:p w14:paraId="40743E37" w14:textId="0D97AAF4" w:rsidR="00B8010E" w:rsidRPr="00C62E8F" w:rsidRDefault="00C05667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noProof/>
          <w:sz w:val="22"/>
          <w:szCs w:val="22"/>
        </w:rPr>
        <w:lastRenderedPageBreak/>
        <mc:AlternateContent>
          <mc:Choice Requires="wps">
            <w:drawing>
              <wp:anchor distT="45720" distB="45720" distL="114300" distR="114300" simplePos="0" relativeHeight="251658245" behindDoc="0" locked="0" layoutInCell="1" allowOverlap="1" wp14:anchorId="0BE495A4" wp14:editId="44D6D39B">
                <wp:simplePos x="0" y="0"/>
                <wp:positionH relativeFrom="margin">
                  <wp:posOffset>6350</wp:posOffset>
                </wp:positionH>
                <wp:positionV relativeFrom="paragraph">
                  <wp:posOffset>349885</wp:posOffset>
                </wp:positionV>
                <wp:extent cx="6083300" cy="482600"/>
                <wp:effectExtent l="19050" t="19050" r="12700" b="12700"/>
                <wp:wrapSquare wrapText="bothSides"/>
                <wp:docPr id="38558337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D58BCDD" w14:textId="37399D41" w:rsidR="00C05667" w:rsidRPr="00C62E8F" w:rsidRDefault="00C05667" w:rsidP="00C05667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ssä </w:t>
                            </w:r>
                            <w:r w:rsidR="006438BC"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kohdassa kuvataan muut työn laajuuden ja toteutuksen ymmärtämisen kannalta olennaiset tiedot</w:t>
                            </w:r>
                            <w:r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6438BC"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Esimerkki koskee viemärikuvauksia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BE495A4" id="_x0000_s1031" type="#_x0000_t202" style="position:absolute;left:0;text-align:left;margin-left:.5pt;margin-top:27.55pt;width:479pt;height:38pt;z-index:251658245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" strokecolor="black [3213]" strokeweight="2.25pt">
                <v:textbox>
                  <w:txbxContent>
                    <w:p w14:paraId="0D58BCDD" w14:textId="37399D41" w:rsidR="00C05667" w:rsidRPr="00C62E8F" w:rsidRDefault="00C05667" w:rsidP="00C05667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ssä </w:t>
                      </w:r>
                      <w:r w:rsidR="006438BC"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>kohdassa kuvataan muut työn laajuuden ja toteutuksen ymmärtämisen kannalta olennaiset tiedot</w:t>
                      </w:r>
                      <w:r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6438BC"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Esimerkki koskee viemärikuvauksia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C62E8F">
        <w:rPr>
          <w:rFonts w:ascii="Arial" w:hAnsi="Arial" w:cs="Arial"/>
          <w:sz w:val="22"/>
          <w:szCs w:val="22"/>
        </w:rPr>
        <w:t>Työn laajuus ja aikataulu</w:t>
      </w:r>
    </w:p>
    <w:p w14:paraId="444FBBAF" w14:textId="033D37B6" w:rsidR="00B8010E" w:rsidRPr="00DA3DA3" w:rsidRDefault="00C62E8F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6438BC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 xml:space="preserve">Kuvausmäärät ovat vuositasolla n. </w:t>
      </w:r>
      <w:r w:rsidR="0074742D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X-XX</w:t>
      </w:r>
      <w:r w:rsidR="0074742D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km. Uutta verkostoa rakennetaan</w:t>
      </w:r>
      <w:r w:rsidR="009032DA" w:rsidRPr="00DA3DA3">
        <w:rPr>
          <w:rFonts w:ascii="Arial" w:hAnsi="Arial" w:cs="Arial"/>
          <w:sz w:val="20"/>
          <w:szCs w:val="20"/>
        </w:rPr>
        <w:t>/saneerataan</w:t>
      </w:r>
      <w:r w:rsidR="00B8010E" w:rsidRPr="00DA3DA3">
        <w:rPr>
          <w:rFonts w:ascii="Arial" w:hAnsi="Arial" w:cs="Arial"/>
          <w:sz w:val="20"/>
          <w:szCs w:val="20"/>
        </w:rPr>
        <w:t xml:space="preserve"> vuositasolla </w:t>
      </w:r>
      <w:r w:rsidR="0074742D" w:rsidRPr="00DA3DA3">
        <w:rPr>
          <w:rFonts w:ascii="Arial" w:hAnsi="Arial" w:cs="Arial"/>
          <w:sz w:val="20"/>
          <w:szCs w:val="20"/>
        </w:rPr>
        <w:t>[X]</w:t>
      </w:r>
      <w:r w:rsidR="00B8010E" w:rsidRPr="00DA3DA3">
        <w:rPr>
          <w:rFonts w:ascii="Arial" w:hAnsi="Arial" w:cs="Arial"/>
          <w:sz w:val="20"/>
          <w:szCs w:val="20"/>
        </w:rPr>
        <w:t>km. Palvelutarvemäärät ovat arvioita eivätkä ole tilaajaa sitovia.</w:t>
      </w:r>
    </w:p>
    <w:p w14:paraId="41DFF514" w14:textId="3016C9A8" w:rsidR="00B8010E" w:rsidRPr="00DA3DA3" w:rsidRDefault="00730440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Kuntotutkimus</w:t>
      </w:r>
      <w:r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 xml:space="preserve">tilataan tehtäviksi arkisin </w:t>
      </w:r>
      <w:r w:rsidR="007B5D14" w:rsidRPr="00DA3DA3">
        <w:rPr>
          <w:rFonts w:ascii="Arial" w:hAnsi="Arial" w:cs="Arial"/>
          <w:sz w:val="20"/>
          <w:szCs w:val="20"/>
        </w:rPr>
        <w:t>klo 07–16</w:t>
      </w:r>
      <w:r w:rsidR="00B8010E" w:rsidRPr="00DA3DA3">
        <w:rPr>
          <w:rFonts w:ascii="Arial" w:hAnsi="Arial" w:cs="Arial"/>
          <w:sz w:val="20"/>
          <w:szCs w:val="20"/>
        </w:rPr>
        <w:t xml:space="preserve"> välisenä aikana.</w:t>
      </w:r>
    </w:p>
    <w:p w14:paraId="229F1391" w14:textId="75430C64" w:rsidR="00B8010E" w:rsidRPr="00DA3DA3" w:rsidRDefault="00730440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Kuntotutkimuksen</w:t>
      </w:r>
      <w:r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askutettavan työpäivän pituus tulee olla maksimissaan 7½ tuntia ja</w:t>
      </w:r>
      <w:r w:rsidR="006438BC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minimissään 4 tun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tia, ellei kohde ole hätätyö.</w:t>
      </w:r>
    </w:p>
    <w:p w14:paraId="5F992D8E" w14:textId="1C83A600" w:rsidR="00B8010E" w:rsidRPr="00DA3DA3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Normaalin työajan ulkopuolella tehtävistä töistä ja kustannuksista sovitaan aina</w:t>
      </w:r>
      <w:r w:rsidR="006438BC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apauskohtaisesti erikseen. Päivystysvelvoitetta ei ole.</w:t>
      </w:r>
    </w:p>
    <w:p w14:paraId="1A37F114" w14:textId="44F7E604" w:rsidR="00B8010E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uurin osa töistä on kuntotutkimusta, joiden toimitusaika on 2 kuukautta. Hätätyöt o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aloitettava seu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aa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vana arkipäivänä tilauksesta ja tehtävä yhtäjaksoisesti loppuun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Mikäli toimittaja ei pysty toi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it</w:t>
      </w:r>
      <w:r w:rsidR="008773A4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</w:t>
      </w:r>
      <w:r w:rsidR="008773A4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aan palvelua yhdessä sovitussa ajassa, on tilaajalla oikeus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ilata palvelu toisaalta.</w:t>
      </w:r>
      <w:r w:rsidR="006438BC" w:rsidRPr="00DA3DA3">
        <w:rPr>
          <w:rFonts w:ascii="Arial" w:hAnsi="Arial" w:cs="Arial"/>
          <w:sz w:val="20"/>
          <w:szCs w:val="20"/>
        </w:rPr>
        <w:t>]</w:t>
      </w:r>
    </w:p>
    <w:p w14:paraId="077FBC2D" w14:textId="77777777" w:rsidR="00C62E8F" w:rsidRPr="00DA3DA3" w:rsidRDefault="00C62E8F" w:rsidP="00C62E8F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6F2845CF" w14:textId="358D7AF2" w:rsidR="00B8010E" w:rsidRPr="00C62E8F" w:rsidRDefault="00B8010E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sz w:val="22"/>
          <w:szCs w:val="22"/>
        </w:rPr>
        <w:t>Työturvallisuus</w:t>
      </w:r>
    </w:p>
    <w:p w14:paraId="3A32AAF5" w14:textId="77777777" w:rsidR="00916419" w:rsidRPr="00DA3DA3" w:rsidRDefault="00916419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619D891E" w14:textId="5091FAEF" w:rsidR="00B8010E" w:rsidRDefault="00B05F5D" w:rsidP="00C62E8F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yöselostuksen mukaisesti</w:t>
      </w:r>
      <w:r w:rsidR="00785513" w:rsidRPr="00DA3DA3">
        <w:rPr>
          <w:rFonts w:ascii="Arial" w:hAnsi="Arial" w:cs="Arial"/>
          <w:sz w:val="20"/>
          <w:szCs w:val="20"/>
        </w:rPr>
        <w:t>.</w:t>
      </w:r>
      <w:r w:rsidRPr="00DA3DA3">
        <w:rPr>
          <w:rFonts w:ascii="Arial" w:hAnsi="Arial" w:cs="Arial"/>
          <w:sz w:val="20"/>
          <w:szCs w:val="20"/>
        </w:rPr>
        <w:t xml:space="preserve"> </w:t>
      </w:r>
    </w:p>
    <w:p w14:paraId="733D1C9E" w14:textId="77777777" w:rsidR="00C62E8F" w:rsidRPr="00DA3DA3" w:rsidRDefault="00C62E8F" w:rsidP="00C62E8F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73A23DBB" w14:textId="3FF12D06" w:rsidR="00B8010E" w:rsidRPr="00C62E8F" w:rsidRDefault="00B8010E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sz w:val="22"/>
          <w:szCs w:val="22"/>
        </w:rPr>
        <w:t>Hankintamuoto</w:t>
      </w:r>
    </w:p>
    <w:p w14:paraId="747BB0BB" w14:textId="77777777" w:rsidR="00916419" w:rsidRPr="00DA3DA3" w:rsidRDefault="00916419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32C498FF" w14:textId="77777777" w:rsidR="008773A4" w:rsidRDefault="00B8010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Hankinnassa noudatetaan lakia vesi- ja energiahuollon, liikenteen ja postipalvelujen alalla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oimivien yksiköiden hankinnoista ja käyttöoikeussopimuksista (1398/2016 eli ns. erityisaloje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hankintalaki).</w:t>
      </w:r>
    </w:p>
    <w:p w14:paraId="1EA71EBF" w14:textId="6EB3071D" w:rsidR="00B8010E" w:rsidRPr="00DA3DA3" w:rsidRDefault="00B8010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commentRangeStart w:id="2"/>
    <w:commentRangeStart w:id="3"/>
    <w:p w14:paraId="18C237C7" w14:textId="42D0039D" w:rsidR="00B8010E" w:rsidRPr="00C62E8F" w:rsidRDefault="006438BC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6" behindDoc="0" locked="0" layoutInCell="1" allowOverlap="1" wp14:anchorId="6919B0B4" wp14:editId="57DFE802">
                <wp:simplePos x="0" y="0"/>
                <wp:positionH relativeFrom="margin">
                  <wp:posOffset>1270</wp:posOffset>
                </wp:positionH>
                <wp:positionV relativeFrom="paragraph">
                  <wp:posOffset>388620</wp:posOffset>
                </wp:positionV>
                <wp:extent cx="6083300" cy="756285"/>
                <wp:effectExtent l="19050" t="19050" r="12700" b="24765"/>
                <wp:wrapSquare wrapText="bothSides"/>
                <wp:docPr id="67822883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75628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30E307F" w14:textId="712BFA14" w:rsidR="006438BC" w:rsidRPr="008A07C2" w:rsidRDefault="006438BC" w:rsidP="006438BC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</w:t>
                            </w:r>
                            <w:r w:rsidR="00C54CEE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ssä kohdassa esitetään hintojen määräytymistä koskevat vaatimukset. Esimerk</w:t>
                            </w:r>
                            <w:r w:rsidR="00D42BA5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issä on kyseessä pitempiaikainen sopimus kuvausten toteuttamisesta. </w:t>
                            </w:r>
                            <w:r w:rsidR="008E79CE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ikäli hi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nta määräytyy indeksin pohjalta, kannattaa määrittää, että käytetään n. 3 kk aikaisemm</w:t>
                            </w:r>
                            <w:r w:rsidR="00570A21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a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n </w:t>
                            </w:r>
                            <w:r w:rsidR="00570A21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ajankohdan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indeksiä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919B0B4" id="_x0000_s1032" type="#_x0000_t202" style="position:absolute;left:0;text-align:left;margin-left:.1pt;margin-top:30.6pt;width:479pt;height:59.55pt;z-index:251658246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" strokecolor="black [3213]" strokeweight="2.25pt">
                <v:textbox>
                  <w:txbxContent>
                    <w:p w14:paraId="230E307F" w14:textId="712BFA14" w:rsidR="006438BC" w:rsidRPr="008A07C2" w:rsidRDefault="006438BC" w:rsidP="006438BC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</w:t>
                      </w:r>
                      <w:r w:rsidR="00C54CEE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ssä kohdassa esitetään hintojen määräytymistä koskevat vaatimukset. Esimerk</w:t>
                      </w:r>
                      <w:r w:rsidR="00D42BA5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issä on kyseessä pitempiaikainen sopimus kuvausten toteuttamisesta. </w:t>
                      </w:r>
                      <w:r w:rsidR="008E79CE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Mikäli hi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nta määräytyy indeksin pohjalta, kannattaa määrittää, että käytetään n. 3 kk aikaisemm</w:t>
                      </w:r>
                      <w:r w:rsidR="00570A21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a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n </w:t>
                      </w:r>
                      <w:r w:rsidR="00570A21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ajankohdan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indeksiä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C62E8F">
        <w:rPr>
          <w:rFonts w:ascii="Arial" w:hAnsi="Arial" w:cs="Arial"/>
          <w:sz w:val="22"/>
          <w:szCs w:val="22"/>
        </w:rPr>
        <w:t>Hinnat</w:t>
      </w:r>
      <w:commentRangeEnd w:id="2"/>
      <w:r w:rsidR="00E42A94" w:rsidRPr="00C62E8F">
        <w:rPr>
          <w:sz w:val="22"/>
          <w:szCs w:val="22"/>
        </w:rPr>
        <w:commentReference w:id="2"/>
      </w:r>
      <w:commentRangeEnd w:id="3"/>
      <w:r w:rsidR="00570A21" w:rsidRPr="00C62E8F">
        <w:rPr>
          <w:sz w:val="22"/>
          <w:szCs w:val="22"/>
        </w:rPr>
        <w:commentReference w:id="3"/>
      </w:r>
    </w:p>
    <w:p w14:paraId="1CA50F72" w14:textId="7589875F" w:rsidR="006438BC" w:rsidRPr="00DA3DA3" w:rsidRDefault="006438BC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15AC41B7" w14:textId="1884B255" w:rsidR="00B8010E" w:rsidRPr="00DA3DA3" w:rsidRDefault="00C54CE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Hinta on kiinteä koko sopimusajalle. Yksikköhintoja voidaan muuttaa mahdolliselle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optiojaksolle sopi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mus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kauden aikana tapahtunutta kustannustason muutosta vastaavasti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Vertailuperusteena pidetään Tilastokeskuksen kuorma-autoliikenteen kustannusindeksi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 xml:space="preserve">kokonaisindeksin muutosta (2020=100). Muutos mahdolliselle optiovuodelle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.X.202X-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XX.X.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lasketaan tammikuun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ja tammikuun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pistelukujen muutoksesta. Alle 2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%:n muutosta ei huomioida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asku voi perustua ainoastaan yksik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köhintaluettelon mukaisiin tuntihintoihin sekä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jätteenkäsittelyn tonni- ja kuutiohintoihin. Mitään erilli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siä laskutuslisiä kuten esimerkiksi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toimistomaksuja tai punnitusmaksuja ei hyväksytä.</w:t>
      </w:r>
    </w:p>
    <w:p w14:paraId="1B81215A" w14:textId="05354ECE" w:rsidR="00B8010E" w:rsidRPr="00DA3DA3" w:rsidRDefault="00B8010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lastRenderedPageBreak/>
        <w:t>Työkohteessa toteutuneen työajan lisäksi toimittaja saa pääsääntöisesti laskuttaa yhde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kalusto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oh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i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en matkatunnin työpäivää kohti.</w:t>
      </w:r>
      <w:r w:rsidR="00C54CEE" w:rsidRPr="00DA3DA3">
        <w:rPr>
          <w:rFonts w:ascii="Arial" w:hAnsi="Arial" w:cs="Arial"/>
          <w:sz w:val="20"/>
          <w:szCs w:val="20"/>
        </w:rPr>
        <w:t>]</w:t>
      </w:r>
    </w:p>
    <w:p w14:paraId="43E940F4" w14:textId="23EAFE02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Laskutus, maksuehto ja viivästyskorko</w:t>
      </w:r>
    </w:p>
    <w:p w14:paraId="395955C4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06FC32FE" w14:textId="766CFBE6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pitää tekemistään töistä työohjelman mukaista kuormakirjaa mikä hyväksytetää</w:t>
      </w:r>
      <w:r w:rsidR="00785513" w:rsidRPr="00DA3DA3">
        <w:rPr>
          <w:rFonts w:ascii="Arial" w:hAnsi="Arial" w:cs="Arial"/>
          <w:sz w:val="20"/>
          <w:szCs w:val="20"/>
        </w:rPr>
        <w:t xml:space="preserve">n </w:t>
      </w:r>
      <w:r w:rsidRPr="00DA3DA3">
        <w:rPr>
          <w:rFonts w:ascii="Arial" w:hAnsi="Arial" w:cs="Arial"/>
          <w:sz w:val="20"/>
          <w:szCs w:val="20"/>
        </w:rPr>
        <w:t>tilaajalla ku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ausittain. Laskutus tapahtuu kuukauden lopussa kuitatun kuormakirja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erusteella.</w:t>
      </w:r>
    </w:p>
    <w:p w14:paraId="378E5A52" w14:textId="194D1027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Laskutettavaan yksikköhintaan tulee sisällyttää sähköisen jätteen siirtoasiakirjan laadinta.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Jäte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ak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jen tulee sisältää jätteenkäsittelylaitoksen käsittely- ja punnitusmaksut sekä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jätteiden kuljetus ja purku jätteenkäsittelypaikalla.</w:t>
      </w:r>
    </w:p>
    <w:p w14:paraId="7EB21BAD" w14:textId="4D331CD5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so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11DCBC81" w14:textId="0209ED02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Verkkolaskutusoso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3F2E5AF6" w14:textId="52A7C317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usvi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2EBE68AB" w14:textId="0EA4E3B7" w:rsidR="00A367A3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Maksuaika on </w:t>
      </w:r>
      <w:r w:rsidR="002528A4" w:rsidRPr="00DA3DA3">
        <w:rPr>
          <w:rFonts w:ascii="Arial" w:hAnsi="Arial" w:cs="Arial"/>
          <w:sz w:val="20"/>
          <w:szCs w:val="20"/>
        </w:rPr>
        <w:t>[</w:t>
      </w:r>
      <w:r w:rsidR="00B12216" w:rsidRPr="00DA3DA3">
        <w:rPr>
          <w:rFonts w:ascii="Arial" w:hAnsi="Arial" w:cs="Arial"/>
          <w:sz w:val="20"/>
          <w:szCs w:val="20"/>
        </w:rPr>
        <w:t>14</w:t>
      </w:r>
      <w:commentRangeStart w:id="4"/>
      <w:r w:rsidRPr="00DA3DA3">
        <w:rPr>
          <w:rFonts w:ascii="Arial" w:hAnsi="Arial" w:cs="Arial"/>
          <w:sz w:val="20"/>
          <w:szCs w:val="20"/>
        </w:rPr>
        <w:t xml:space="preserve"> pv</w:t>
      </w:r>
      <w:r w:rsidR="002528A4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netto </w:t>
      </w:r>
      <w:commentRangeEnd w:id="4"/>
      <w:r w:rsidR="002528A4" w:rsidRPr="008A07C2">
        <w:commentReference w:id="4"/>
      </w:r>
      <w:r w:rsidRPr="00DA3DA3">
        <w:rPr>
          <w:rFonts w:ascii="Arial" w:hAnsi="Arial" w:cs="Arial"/>
          <w:sz w:val="20"/>
          <w:szCs w:val="20"/>
        </w:rPr>
        <w:t>hyväksyttävän laskun saapumisesta.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</w:p>
    <w:p w14:paraId="57AEE1B8" w14:textId="182DC3D4" w:rsidR="00B8010E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Viivästyskorko on korkolain mukainen.</w:t>
      </w:r>
    </w:p>
    <w:p w14:paraId="02E3D001" w14:textId="77777777" w:rsidR="008A07C2" w:rsidRPr="00DA3DA3" w:rsidRDefault="008A07C2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6B162363" w14:textId="68CAA92F" w:rsidR="00B8010E" w:rsidRPr="008A07C2" w:rsidRDefault="00BD678C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ssakko</w:t>
      </w:r>
    </w:p>
    <w:p w14:paraId="69F094BF" w14:textId="77777777" w:rsidR="000C0F93" w:rsidRPr="00DA3DA3" w:rsidRDefault="000C0F93" w:rsidP="00DA3DA3">
      <w:pPr>
        <w:spacing w:line="276" w:lineRule="auto"/>
        <w:ind w:left="360"/>
        <w:rPr>
          <w:rFonts w:ascii="Arial" w:hAnsi="Arial" w:cs="Arial"/>
          <w:sz w:val="20"/>
          <w:szCs w:val="20"/>
        </w:rPr>
      </w:pPr>
    </w:p>
    <w:p w14:paraId="2B2FF207" w14:textId="77777777" w:rsidR="00914E25" w:rsidRDefault="00C7458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lla on oikeus periä sakko huomiotta jätetystä virheestä kuvauksissa, jos kuvauksia ei ole to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e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ettu kuvausohjeen (liite [X]) mukaisesti ja toimittaja ei korjaa virhettä kohtuullisessa ajassa. Sakon su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uus 200 €/kpl virheellinen kuvaustulos. Sakko lankeaa, mikäli tuloksista puuttuu kriittinen vika. Tarvit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essa voidaan pyytää ulkopuoliselta taholta riippumaton arvio kuvauksen onnistumisesta.</w:t>
      </w:r>
    </w:p>
    <w:p w14:paraId="75ECBA86" w14:textId="13CC118D" w:rsidR="00C7458E" w:rsidRPr="00DA3DA3" w:rsidRDefault="00C7458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1CC301CD" w14:textId="2228D338" w:rsidR="000C0F93" w:rsidRPr="00DA3DA3" w:rsidRDefault="00501592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8A07C2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9" behindDoc="0" locked="0" layoutInCell="1" allowOverlap="1" wp14:anchorId="43A7774F" wp14:editId="124ACAB6">
                <wp:simplePos x="0" y="0"/>
                <wp:positionH relativeFrom="margin">
                  <wp:posOffset>-4419</wp:posOffset>
                </wp:positionH>
                <wp:positionV relativeFrom="paragraph">
                  <wp:posOffset>326847</wp:posOffset>
                </wp:positionV>
                <wp:extent cx="6115050" cy="482600"/>
                <wp:effectExtent l="19050" t="19050" r="19050" b="12700"/>
                <wp:wrapSquare wrapText="bothSides"/>
                <wp:docPr id="86163420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1505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AF0EA5E" w14:textId="77777777" w:rsidR="00501592" w:rsidRPr="008A07C2" w:rsidRDefault="00501592" w:rsidP="00501592">
                            <w:pPr>
                              <w:jc w:val="both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ssä kohdassa tilaajan tulee arvioida, minkä suuruisia vahinkoja projektista voi syntyä ja edellyttää tarvittaessa myös rakennustyövakuutusta.</w:t>
                            </w:r>
                          </w:p>
                          <w:p w14:paraId="475BE46D" w14:textId="77777777" w:rsidR="00501592" w:rsidRPr="003E0085" w:rsidRDefault="00501592" w:rsidP="00501592">
                            <w:pPr>
                              <w:jc w:val="both"/>
                            </w:pPr>
                            <w:r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3A7774F" id="_x0000_s1033" type="#_x0000_t202" style="position:absolute;left:0;text-align:left;margin-left:-.35pt;margin-top:25.75pt;width:481.5pt;height:38pt;z-index:251658249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" strokecolor="black [3213]" strokeweight="2.25pt">
                <v:textbox>
                  <w:txbxContent>
                    <w:p w14:paraId="3AF0EA5E" w14:textId="77777777" w:rsidR="00501592" w:rsidRPr="008A07C2" w:rsidRDefault="00501592" w:rsidP="00501592">
                      <w:pPr>
                        <w:jc w:val="both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ssä kohdassa tilaajan tulee arvioida, minkä suuruisia vahinkoja projektista voi syntyä ja edellyttää tarvittaessa myös rakennustyövakuutusta.</w:t>
                      </w:r>
                    </w:p>
                    <w:p w14:paraId="475BE46D" w14:textId="77777777" w:rsidR="00501592" w:rsidRPr="003E0085" w:rsidRDefault="00501592" w:rsidP="00501592">
                      <w:pPr>
                        <w:jc w:val="both"/>
                      </w:pPr>
                      <w:r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8A07C2">
        <w:rPr>
          <w:rFonts w:ascii="Arial" w:hAnsi="Arial" w:cs="Arial"/>
          <w:sz w:val="22"/>
          <w:szCs w:val="22"/>
        </w:rPr>
        <w:t>Vakuutukset</w:t>
      </w:r>
    </w:p>
    <w:p w14:paraId="44B50C7D" w14:textId="1C6668D9" w:rsidR="00914E25" w:rsidRDefault="008A07C2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0A59DC" w:rsidRPr="00DA3DA3">
        <w:rPr>
          <w:rFonts w:ascii="Arial" w:hAnsi="Arial" w:cs="Arial"/>
          <w:sz w:val="20"/>
          <w:szCs w:val="20"/>
        </w:rPr>
        <w:t>Toimittajalla tulee olla koko sopimuskauden voimassa oleva sekä henkilö- että aineelliset vahin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ko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ta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paukset kattava yritystoiminnan vastuuvakuutus vähintään miljoonaan euroon (1 M€) saakka. Oikeaksi todistettu kopio vastuuvakuutuksesta tulee luovuttaa tilaajalle viimeistään sopimuksen allekirjoittamisen yhteydessä.</w:t>
      </w:r>
    </w:p>
    <w:p w14:paraId="0826B009" w14:textId="1B4005A0" w:rsidR="000A59DC" w:rsidRPr="00DA3DA3" w:rsidRDefault="000A59DC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7F1417B1" w14:textId="446023D7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Vahingonkorvaukset</w:t>
      </w:r>
    </w:p>
    <w:p w14:paraId="6BC9252F" w14:textId="797514F7" w:rsidR="00A167FE" w:rsidRPr="00DA3DA3" w:rsidRDefault="008A07C2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5122FF" w:rsidRPr="00DA3DA3">
        <w:rPr>
          <w:rFonts w:ascii="Arial" w:hAnsi="Arial" w:cs="Arial"/>
          <w:sz w:val="20"/>
          <w:szCs w:val="20"/>
        </w:rPr>
        <w:t>Sopijapuolten korvausvastuu mahdollisissa vahinkotapauksissa on täysimääräinen poiketen JYSE 16.4 ehdosta.</w:t>
      </w:r>
      <w:r>
        <w:rPr>
          <w:rFonts w:ascii="Arial" w:hAnsi="Arial" w:cs="Arial"/>
          <w:sz w:val="20"/>
          <w:szCs w:val="20"/>
        </w:rPr>
        <w:br/>
      </w:r>
    </w:p>
    <w:p w14:paraId="1345B816" w14:textId="6AD938AF" w:rsidR="00B8010E" w:rsidRPr="008A07C2" w:rsidRDefault="001D4EC9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DA3DA3">
        <w:rPr>
          <w:rFonts w:ascii="Arial" w:hAnsi="Arial" w:cs="Arial"/>
          <w:b w:val="0"/>
          <w:bCs w:val="0"/>
          <w:noProof/>
          <w:sz w:val="20"/>
          <w:szCs w:val="20"/>
        </w:rPr>
        <w:lastRenderedPageBreak/>
        <mc:AlternateContent>
          <mc:Choice Requires="wps">
            <w:drawing>
              <wp:anchor distT="45720" distB="45720" distL="114300" distR="114300" simplePos="0" relativeHeight="251658248" behindDoc="0" locked="0" layoutInCell="1" allowOverlap="1" wp14:anchorId="559AB540" wp14:editId="6DD5A88F">
                <wp:simplePos x="0" y="0"/>
                <wp:positionH relativeFrom="margin">
                  <wp:posOffset>-175260</wp:posOffset>
                </wp:positionH>
                <wp:positionV relativeFrom="paragraph">
                  <wp:posOffset>300990</wp:posOffset>
                </wp:positionV>
                <wp:extent cx="6083300" cy="792480"/>
                <wp:effectExtent l="19050" t="19050" r="12700" b="26670"/>
                <wp:wrapSquare wrapText="bothSides"/>
                <wp:docPr id="5675361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79248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15E575F" w14:textId="47757F15" w:rsidR="00CC3128" w:rsidRPr="008A07C2" w:rsidRDefault="00CC3128" w:rsidP="00CC3128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hän kohdassa </w:t>
                            </w:r>
                            <w:r w:rsidR="009E51FB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viitataan kunnan tai vesihuoltolaitoksen tietojenluovutus- ja salassapitosopimukseen sekä henkilötietojen käsittelyä koskevaan ohjeistukseen ja sopimukseen</w:t>
                            </w: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984619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Henkilötietojen käsittelyä koskeva sopimus tarvitaan, jos luovutetaan henkilötietoja. Tällainen voi olla esimerkiksi vedenkulutustieto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59AB540" id="_x0000_s1034" type="#_x0000_t202" style="position:absolute;left:0;text-align:left;margin-left:-13.8pt;margin-top:23.7pt;width:479pt;height:62.4pt;z-index:251658248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" strokecolor="black [3213]" strokeweight="2.25pt">
                <v:textbox>
                  <w:txbxContent>
                    <w:p w14:paraId="515E575F" w14:textId="47757F15" w:rsidR="00CC3128" w:rsidRPr="008A07C2" w:rsidRDefault="00CC3128" w:rsidP="00CC3128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hän kohdassa </w:t>
                      </w:r>
                      <w:r w:rsidR="009E51FB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viitataan kunnan tai vesihuoltolaitoksen tietojenluovutus- ja salassapitosopimukseen sekä henkilötietojen käsittelyä koskevaan ohjeistukseen ja sopimukseen</w:t>
                      </w: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984619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Henkilötietojen käsittelyä koskeva sopimus tarvitaan, jos luovutetaan henkilötietoja. Tällainen voi olla esimerkiksi vedenkulutustieto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8A07C2">
        <w:rPr>
          <w:rFonts w:ascii="Arial" w:hAnsi="Arial" w:cs="Arial"/>
          <w:sz w:val="22"/>
          <w:szCs w:val="22"/>
        </w:rPr>
        <w:t>Luottamuksellisuus</w:t>
      </w:r>
      <w:r w:rsidR="00446283" w:rsidRPr="008A07C2">
        <w:rPr>
          <w:rFonts w:ascii="Arial" w:hAnsi="Arial" w:cs="Arial"/>
          <w:sz w:val="22"/>
          <w:szCs w:val="22"/>
        </w:rPr>
        <w:t xml:space="preserve">, </w:t>
      </w:r>
      <w:r w:rsidR="00B8010E" w:rsidRPr="008A07C2">
        <w:rPr>
          <w:rFonts w:ascii="Arial" w:hAnsi="Arial" w:cs="Arial"/>
          <w:sz w:val="22"/>
          <w:szCs w:val="22"/>
        </w:rPr>
        <w:t>salassapito</w:t>
      </w:r>
      <w:r w:rsidR="00446283" w:rsidRPr="008A07C2">
        <w:rPr>
          <w:rFonts w:ascii="Arial" w:hAnsi="Arial" w:cs="Arial"/>
          <w:sz w:val="22"/>
          <w:szCs w:val="22"/>
        </w:rPr>
        <w:t xml:space="preserve"> ja henkilötietojen käsittely</w:t>
      </w:r>
    </w:p>
    <w:p w14:paraId="66C32981" w14:textId="7771FBE3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34E78B0A" w14:textId="5AB0D309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japuolet ovat velvollisia pitämään salassa toisen sopijapuolen luovuttamat tai muutoin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ietoonsa saaneet luottamukselliset tiedot</w:t>
      </w:r>
      <w:r w:rsidR="008908A0" w:rsidRPr="00DA3DA3">
        <w:rPr>
          <w:rFonts w:ascii="Arial" w:hAnsi="Arial" w:cs="Arial"/>
          <w:sz w:val="20"/>
          <w:szCs w:val="20"/>
        </w:rPr>
        <w:t xml:space="preserve"> liitteen </w:t>
      </w:r>
      <w:r w:rsidR="00C532C9" w:rsidRPr="00DA3DA3">
        <w:rPr>
          <w:rFonts w:ascii="Arial" w:hAnsi="Arial" w:cs="Arial"/>
          <w:sz w:val="20"/>
          <w:szCs w:val="20"/>
        </w:rPr>
        <w:t>[</w:t>
      </w:r>
      <w:r w:rsidR="008908A0" w:rsidRPr="00DA3DA3">
        <w:rPr>
          <w:rFonts w:ascii="Arial" w:hAnsi="Arial" w:cs="Arial"/>
          <w:sz w:val="20"/>
          <w:szCs w:val="20"/>
        </w:rPr>
        <w:t>X</w:t>
      </w:r>
      <w:r w:rsidR="00C532C9" w:rsidRPr="00DA3DA3">
        <w:rPr>
          <w:rFonts w:ascii="Arial" w:hAnsi="Arial" w:cs="Arial"/>
          <w:sz w:val="20"/>
          <w:szCs w:val="20"/>
        </w:rPr>
        <w:t>]</w:t>
      </w:r>
      <w:r w:rsidR="008908A0" w:rsidRPr="00DA3DA3">
        <w:rPr>
          <w:rFonts w:ascii="Arial" w:hAnsi="Arial" w:cs="Arial"/>
          <w:sz w:val="20"/>
          <w:szCs w:val="20"/>
        </w:rPr>
        <w:t xml:space="preserve"> tietojenluovutus- ja salassapitosopimuksen mukaisesti</w:t>
      </w:r>
      <w:r w:rsidRPr="00DA3DA3">
        <w:rPr>
          <w:rFonts w:ascii="Arial" w:hAnsi="Arial" w:cs="Arial"/>
          <w:sz w:val="20"/>
          <w:szCs w:val="20"/>
        </w:rPr>
        <w:t>.</w:t>
      </w:r>
    </w:p>
    <w:p w14:paraId="3B99B93C" w14:textId="77777777" w:rsidR="00914E25" w:rsidRDefault="005610D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Henkilötietojen käsittelyssä noudatetaan periaatteita, joihin sitoudutaan</w:t>
      </w:r>
      <w:r w:rsidR="00446283" w:rsidRPr="00DA3DA3">
        <w:rPr>
          <w:rFonts w:ascii="Arial" w:hAnsi="Arial" w:cs="Arial"/>
          <w:sz w:val="20"/>
          <w:szCs w:val="20"/>
        </w:rPr>
        <w:t xml:space="preserve"> sopimuksessa</w:t>
      </w:r>
      <w:r w:rsidR="00DD5D2B" w:rsidRPr="00DA3DA3">
        <w:rPr>
          <w:rFonts w:ascii="Arial" w:hAnsi="Arial" w:cs="Arial"/>
          <w:sz w:val="20"/>
          <w:szCs w:val="20"/>
        </w:rPr>
        <w:t xml:space="preserve"> henkilötietojen käsittelystä</w:t>
      </w:r>
      <w:r w:rsidR="00300B73" w:rsidRPr="00DA3DA3">
        <w:rPr>
          <w:rFonts w:ascii="Arial" w:hAnsi="Arial" w:cs="Arial"/>
          <w:sz w:val="20"/>
          <w:szCs w:val="20"/>
        </w:rPr>
        <w:t xml:space="preserve"> (liite </w:t>
      </w:r>
      <w:r w:rsidR="00C532C9" w:rsidRPr="00DA3DA3">
        <w:rPr>
          <w:rFonts w:ascii="Arial" w:hAnsi="Arial" w:cs="Arial"/>
          <w:sz w:val="20"/>
          <w:szCs w:val="20"/>
        </w:rPr>
        <w:t>[</w:t>
      </w:r>
      <w:r w:rsidR="00300B73" w:rsidRPr="00DA3DA3">
        <w:rPr>
          <w:rFonts w:ascii="Arial" w:hAnsi="Arial" w:cs="Arial"/>
          <w:sz w:val="20"/>
          <w:szCs w:val="20"/>
        </w:rPr>
        <w:t>X</w:t>
      </w:r>
      <w:r w:rsidR="00C532C9" w:rsidRPr="00DA3DA3">
        <w:rPr>
          <w:rFonts w:ascii="Arial" w:hAnsi="Arial" w:cs="Arial"/>
          <w:sz w:val="20"/>
          <w:szCs w:val="20"/>
        </w:rPr>
        <w:t>]</w:t>
      </w:r>
      <w:r w:rsidR="00300B73" w:rsidRPr="00DA3DA3">
        <w:rPr>
          <w:rFonts w:ascii="Arial" w:hAnsi="Arial" w:cs="Arial"/>
          <w:sz w:val="20"/>
          <w:szCs w:val="20"/>
        </w:rPr>
        <w:t>)</w:t>
      </w:r>
      <w:r w:rsidR="00FE4368" w:rsidRPr="00DA3DA3">
        <w:rPr>
          <w:rFonts w:ascii="Arial" w:hAnsi="Arial" w:cs="Arial"/>
          <w:sz w:val="20"/>
          <w:szCs w:val="20"/>
        </w:rPr>
        <w:t xml:space="preserve"> ja henkilötietojen käsittelyä koskevassa ohjeessa (liite[X])</w:t>
      </w:r>
      <w:r w:rsidR="00DD5D2B" w:rsidRPr="00DA3DA3">
        <w:rPr>
          <w:rFonts w:ascii="Arial" w:hAnsi="Arial" w:cs="Arial"/>
          <w:sz w:val="20"/>
          <w:szCs w:val="20"/>
        </w:rPr>
        <w:t>.</w:t>
      </w:r>
    </w:p>
    <w:p w14:paraId="2AF78DED" w14:textId="4EBF7914" w:rsidR="00DD5D2B" w:rsidRPr="00DA3DA3" w:rsidRDefault="00DD5D2B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31CDCD62" w14:textId="3FDFBE79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skausi</w:t>
      </w:r>
    </w:p>
    <w:p w14:paraId="609A841A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4AF7491" w14:textId="77777777" w:rsidR="00914E25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Sopimuskausi alkaa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XX.X.20</w:t>
      </w:r>
      <w:r w:rsidR="004A3CBA" w:rsidRPr="00DA3DA3">
        <w:rPr>
          <w:rFonts w:ascii="Arial" w:hAnsi="Arial" w:cs="Arial"/>
          <w:sz w:val="20"/>
          <w:szCs w:val="20"/>
        </w:rPr>
        <w:t>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ja jatkuu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XX.X.2</w:t>
      </w:r>
      <w:r w:rsidR="004A3CBA" w:rsidRPr="00DA3DA3">
        <w:rPr>
          <w:rFonts w:ascii="Arial" w:hAnsi="Arial" w:cs="Arial"/>
          <w:sz w:val="20"/>
          <w:szCs w:val="20"/>
        </w:rPr>
        <w:t>0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saakka. Sopimusta voidaan jatkaa yhdellä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1 vuoden optiokaudella. Option käytöstä sovitaan erikseen yhdessä toimittajan kanssa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loppuvuoden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20</w:t>
      </w:r>
      <w:r w:rsidR="00015F9B" w:rsidRPr="00DA3DA3">
        <w:rPr>
          <w:rFonts w:ascii="Arial" w:hAnsi="Arial" w:cs="Arial"/>
          <w:sz w:val="20"/>
          <w:szCs w:val="20"/>
        </w:rPr>
        <w:t>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aikana.</w:t>
      </w:r>
    </w:p>
    <w:p w14:paraId="4FED9FF4" w14:textId="22B8BF1C" w:rsidR="00B8010E" w:rsidRPr="00DA3DA3" w:rsidRDefault="00B8010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6A1E35DF" w14:textId="329D7B81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ksen irtisanominen ja purkaminen</w:t>
      </w:r>
    </w:p>
    <w:p w14:paraId="1347CDFE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2E104DB7" w14:textId="6F7F3225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Molemmilla sopijapuolilla on oikeus purkaa sopimus päättymään välittömästi toisen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opijapuolen sopi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us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ikkomuksen vuoksi, ellei korjausta tapahdu kirjallisesta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huomautuksesta huolimatta.</w:t>
      </w:r>
    </w:p>
    <w:p w14:paraId="42822672" w14:textId="294DF2D9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 voi purkaa sopimuksen jos:</w:t>
      </w:r>
    </w:p>
    <w:p w14:paraId="0BB47A8F" w14:textId="215946D5" w:rsidR="00B8010E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laiminlyö tilaajavastuulain velvoitteitaan, eikä saata niitä kuntoon</w:t>
      </w:r>
      <w:r w:rsidR="00731BC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iranomaisten hyväk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y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ällä tavalla annettuun määräaikaan mennessä.</w:t>
      </w:r>
    </w:p>
    <w:p w14:paraId="700A692A" w14:textId="1FB53833" w:rsidR="004E3D34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jättää toimittamatta pyydetyt, yhteiskunnallisia velvoitteita koskevat</w:t>
      </w:r>
      <w:r w:rsidR="00731BC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elvitykset tai lai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in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lyö niiden toimittamiselle asetettuja, kohtuullisia määräaikoja.</w:t>
      </w:r>
    </w:p>
    <w:p w14:paraId="0D8E06FC" w14:textId="21C3CFDF" w:rsidR="00B8010E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ajoneuvon liikennelupa ei ole työn edellyttämässä kunnossa.</w:t>
      </w:r>
    </w:p>
    <w:p w14:paraId="1CAEA420" w14:textId="77777777" w:rsidR="00B8010E" w:rsidRPr="00DA3DA3" w:rsidRDefault="00B8010E" w:rsidP="00C85ABF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hän sopimukseen liittyvä työtilaus voidaan irtisanoa tai purkaa seuraavalla tavalla:</w:t>
      </w:r>
    </w:p>
    <w:p w14:paraId="72E493F9" w14:textId="7DF0E3B6" w:rsidR="004E3D34" w:rsidRPr="00DA3DA3" w:rsidRDefault="00B8010E" w:rsidP="00914E25">
      <w:pPr>
        <w:pStyle w:val="Luettelokappale"/>
        <w:numPr>
          <w:ilvl w:val="0"/>
          <w:numId w:val="47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lla on oikeus purkaa yksittäinen työtilaus, jos se käyttöönottotarkastuksessa toteaa,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että työ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one ei ominaisuuksiltaan tai varusteiltaan täytä tarjouksessa ilmoitettua eikä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uutetta voida kor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jata ennen työhön ryhtymistä tai työntekijän ammattitaito ei ole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arjouksen mukainen.</w:t>
      </w:r>
    </w:p>
    <w:p w14:paraId="1EE8F0B1" w14:textId="1AB2E683" w:rsidR="00914E25" w:rsidRDefault="00B8010E" w:rsidP="00914E25">
      <w:pPr>
        <w:pStyle w:val="Luettelokappale"/>
        <w:numPr>
          <w:ilvl w:val="0"/>
          <w:numId w:val="47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män sopimuksen purkautuessa purkautuvat myös siihen perustuvat työtilaukset, ellei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ur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u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ilanteessa yhteisesti muuta sovita.</w:t>
      </w:r>
    </w:p>
    <w:p w14:paraId="2167542F" w14:textId="1C0CC1E8" w:rsidR="00B8010E" w:rsidRPr="00914E25" w:rsidRDefault="00B8010E" w:rsidP="003A0FE8">
      <w:pPr>
        <w:spacing w:line="276" w:lineRule="auto"/>
        <w:ind w:left="633"/>
        <w:jc w:val="both"/>
        <w:rPr>
          <w:rFonts w:ascii="Arial" w:hAnsi="Arial" w:cs="Arial"/>
          <w:sz w:val="20"/>
          <w:szCs w:val="20"/>
        </w:rPr>
      </w:pPr>
    </w:p>
    <w:p w14:paraId="14154D31" w14:textId="5D2DEB37" w:rsidR="00B8010E" w:rsidRPr="00C85ABF" w:rsidRDefault="00B8010E" w:rsidP="00C85AB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85ABF">
        <w:rPr>
          <w:rFonts w:ascii="Arial" w:hAnsi="Arial" w:cs="Arial"/>
          <w:sz w:val="22"/>
          <w:szCs w:val="22"/>
        </w:rPr>
        <w:t>Ylivoimainen este</w:t>
      </w:r>
    </w:p>
    <w:p w14:paraId="0F9DD827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361674F" w14:textId="3A7CEF60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livoimainen este on sopimuksen solmimisen jälkeen tapahtunut sellainen ennalta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arvaamaton seikka, joka ei ollut osapuolten tiedossa sopimushetkellä ja joka estää tai tekee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kohtuuttomaksi sopimukseen perustuvien velvoitteiden täyttämisen. Tällaisia ovat mm.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ulipalo, luonnonmullistus, liikekannallepano, sota, kapina, takavarikko, muuttuneet uudet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lainsäännökset tai viranomaismääräykset, vientilisenssien epääminen, käyttövoiman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rajoitukset, valtakunnallinen lakko tai työsulku tai näihin rinnastettava tekijä. </w:t>
      </w:r>
      <w:r w:rsidRPr="00DA3DA3">
        <w:rPr>
          <w:rFonts w:ascii="Arial" w:hAnsi="Arial" w:cs="Arial"/>
          <w:sz w:val="20"/>
          <w:szCs w:val="20"/>
        </w:rPr>
        <w:lastRenderedPageBreak/>
        <w:t>Osapuoli ei voi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edota ylivoimaiseen tekijään, ellei hän ole antanut kirjallista ilmoitusta viipymättä siitä tiedon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aatuaan ja viimeistään viikon kuluessa sen alkamisesta.</w:t>
      </w:r>
      <w:r w:rsidR="006842C6">
        <w:rPr>
          <w:rFonts w:ascii="Arial" w:hAnsi="Arial" w:cs="Arial"/>
          <w:sz w:val="20"/>
          <w:szCs w:val="20"/>
        </w:rPr>
        <w:br/>
      </w:r>
    </w:p>
    <w:p w14:paraId="5AC5123F" w14:textId="562C1D36" w:rsidR="00B8010E" w:rsidRPr="00C85ABF" w:rsidRDefault="00B8010E" w:rsidP="00C85AB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85ABF">
        <w:rPr>
          <w:rFonts w:ascii="Arial" w:hAnsi="Arial" w:cs="Arial"/>
          <w:sz w:val="22"/>
          <w:szCs w:val="22"/>
        </w:rPr>
        <w:t>Sopimuksen siirto</w:t>
      </w:r>
    </w:p>
    <w:p w14:paraId="76946191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73C6C3C8" w14:textId="5DC50213" w:rsidR="00B8010E" w:rsidRPr="00DA3DA3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tä sopimusta ei saa siirtää kolmannelle sopijapuolelle ilman toisen sopijapuolen kirjallista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uos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u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usta.</w:t>
      </w:r>
    </w:p>
    <w:p w14:paraId="2B51BC27" w14:textId="60F8E509" w:rsidR="00B8010E" w:rsidRPr="006842C6" w:rsidRDefault="00BB451A" w:rsidP="006842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6842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7" behindDoc="0" locked="0" layoutInCell="1" allowOverlap="1" wp14:anchorId="6128285F" wp14:editId="3DCE4F1A">
                <wp:simplePos x="0" y="0"/>
                <wp:positionH relativeFrom="margin">
                  <wp:posOffset>12700</wp:posOffset>
                </wp:positionH>
                <wp:positionV relativeFrom="paragraph">
                  <wp:posOffset>350520</wp:posOffset>
                </wp:positionV>
                <wp:extent cx="6083300" cy="336550"/>
                <wp:effectExtent l="19050" t="19050" r="12700" b="25400"/>
                <wp:wrapSquare wrapText="bothSides"/>
                <wp:docPr id="94498088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3365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A597453" w14:textId="208970D0" w:rsidR="00BB451A" w:rsidRPr="003E0085" w:rsidRDefault="00BB451A" w:rsidP="00BB451A">
                            <w:r w:rsidRPr="006842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hän kohtaan lisätään tilaajan käräjäoikeus</w:t>
                            </w:r>
                            <w:r w:rsidR="00144E3E" w:rsidRPr="006842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ieto</w:t>
                            </w:r>
                            <w:r w:rsidR="00144E3E"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128285F" id="_x0000_s1035" type="#_x0000_t202" style="position:absolute;left:0;text-align:left;margin-left:1pt;margin-top:27.6pt;width:479pt;height:26.5pt;z-index:251658247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" strokecolor="black [3213]" strokeweight="2.25pt">
                <v:textbox>
                  <w:txbxContent>
                    <w:p w14:paraId="2A597453" w14:textId="208970D0" w:rsidR="00BB451A" w:rsidRPr="003E0085" w:rsidRDefault="00BB451A" w:rsidP="00BB451A">
                      <w:r w:rsidRPr="006842C6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hän kohtaan lisätään tilaajan käräjäoikeus</w:t>
                      </w:r>
                      <w:r w:rsidR="00144E3E" w:rsidRPr="006842C6">
                        <w:rPr>
                          <w:rFonts w:ascii="Arial" w:hAnsi="Arial" w:cs="Arial"/>
                          <w:sz w:val="20"/>
                          <w:szCs w:val="20"/>
                        </w:rPr>
                        <w:t>tieto</w:t>
                      </w:r>
                      <w:r w:rsidR="00144E3E"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6842C6">
        <w:rPr>
          <w:rFonts w:ascii="Arial" w:hAnsi="Arial" w:cs="Arial"/>
          <w:sz w:val="22"/>
          <w:szCs w:val="22"/>
        </w:rPr>
        <w:t>Erimielisyyksien ratkaisupaikka</w:t>
      </w:r>
    </w:p>
    <w:p w14:paraId="16A04A21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425EB43E" w14:textId="3A1310AA" w:rsidR="001D4EC9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muksesta johtuvat erimielisyydet pyritään ratkaisemaan ensisijaisesti sopimusosapuolten</w:t>
      </w:r>
      <w:r w:rsidR="001D4EC9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älisissä neuvotteluissa. Ellei neuvotteluissa löydetä ratkaisua, annetaan erimielisyydet XXXX käräjäoikeuden ratkaistavaksi.</w:t>
      </w:r>
    </w:p>
    <w:p w14:paraId="5653635D" w14:textId="5DE08B13" w:rsidR="00B8010E" w:rsidRPr="00DA3DA3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5817C5B8" w14:textId="4433FC34" w:rsidR="00B8010E" w:rsidRPr="006842C6" w:rsidRDefault="00B8010E" w:rsidP="006842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6842C6">
        <w:rPr>
          <w:rFonts w:ascii="Arial" w:hAnsi="Arial" w:cs="Arial"/>
          <w:sz w:val="22"/>
          <w:szCs w:val="22"/>
        </w:rPr>
        <w:t>Sopimuksen voimaantulo ja sopimuskappaleet</w:t>
      </w:r>
    </w:p>
    <w:p w14:paraId="18F581D9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23090301" w14:textId="11D48D8A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mä sopimus tulee voimaan, kun sopijapuolet ovat sen allekirjoittaneet</w:t>
      </w:r>
      <w:r w:rsidR="00144E3E" w:rsidRPr="00DA3DA3">
        <w:rPr>
          <w:rFonts w:ascii="Arial" w:hAnsi="Arial" w:cs="Arial"/>
          <w:sz w:val="20"/>
          <w:szCs w:val="20"/>
        </w:rPr>
        <w:t>.</w:t>
      </w:r>
    </w:p>
    <w:p w14:paraId="2EA2489B" w14:textId="77777777" w:rsidR="00864FB1" w:rsidRPr="00DA3DA3" w:rsidRDefault="00864FB1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</w:p>
    <w:p w14:paraId="41464C83" w14:textId="28BB7FC1" w:rsidR="00B8010E" w:rsidRPr="006842C6" w:rsidRDefault="002C6BBC" w:rsidP="006842C6">
      <w:pPr>
        <w:spacing w:after="160" w:line="276" w:lineRule="auto"/>
        <w:ind w:left="462"/>
        <w:rPr>
          <w:rFonts w:ascii="Arial" w:hAnsi="Arial" w:cs="Arial"/>
          <w:b/>
          <w:bCs/>
          <w:sz w:val="22"/>
          <w:szCs w:val="22"/>
        </w:rPr>
      </w:pPr>
      <w:r w:rsidRPr="00962737">
        <w:rPr>
          <w:rFonts w:ascii="Arial" w:hAnsi="Arial" w:cs="Arial"/>
          <w:b/>
          <w:bCs/>
          <w:sz w:val="20"/>
          <w:szCs w:val="20"/>
        </w:rPr>
        <w:t>LIITTEET</w:t>
      </w:r>
    </w:p>
    <w:p w14:paraId="40F2266A" w14:textId="77777777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pyyntö liitteineen</w:t>
      </w:r>
    </w:p>
    <w:p w14:paraId="24B88EC5" w14:textId="06C1AFE1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YSE 2014 PALVELUT, päivitysversio huhtikuu 20</w:t>
      </w:r>
      <w:r w:rsidR="00144E3E" w:rsidRPr="00DA3DA3">
        <w:rPr>
          <w:rFonts w:ascii="Arial" w:hAnsi="Arial" w:cs="Arial"/>
          <w:sz w:val="20"/>
          <w:szCs w:val="20"/>
        </w:rPr>
        <w:t>22</w:t>
      </w:r>
    </w:p>
    <w:p w14:paraId="327AA0BF" w14:textId="5749E25F" w:rsidR="004C5030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</w:t>
      </w:r>
    </w:p>
    <w:p w14:paraId="78B07EDC" w14:textId="5F14A544" w:rsidR="003C26A1" w:rsidRPr="00DA3DA3" w:rsidRDefault="003C26A1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Työsuunnitelma</w:t>
      </w:r>
    </w:p>
    <w:p w14:paraId="26BBE5A0" w14:textId="3436CF0E" w:rsidR="006243A4" w:rsidRPr="00DA3DA3" w:rsidRDefault="006243A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Kuvausohje]</w:t>
      </w:r>
    </w:p>
    <w:p w14:paraId="143CC192" w14:textId="21E1E510" w:rsidR="00DB6262" w:rsidRPr="00DA3DA3" w:rsidRDefault="00DB6262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Tietojenluovutus- ja salassapitosopimus]</w:t>
      </w:r>
    </w:p>
    <w:p w14:paraId="13629B10" w14:textId="77777777" w:rsidR="009812C4" w:rsidRPr="00DA3DA3" w:rsidRDefault="009812C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Sopimus henkilötietojen käsittelystä]</w:t>
      </w:r>
    </w:p>
    <w:p w14:paraId="79251084" w14:textId="7BA23C4C" w:rsidR="009812C4" w:rsidRPr="00DA3DA3" w:rsidRDefault="009812C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Henkilötietojen käsittelyä koskeva ohje]</w:t>
      </w:r>
    </w:p>
    <w:sectPr w:rsidR="009812C4" w:rsidRPr="00DA3DA3" w:rsidSect="00EC70AC">
      <w:headerReference w:type="even" r:id="rId16"/>
      <w:headerReference w:type="default" r:id="rId17"/>
      <w:footerReference w:type="default" r:id="rId18"/>
      <w:headerReference w:type="first" r:id="rId19"/>
      <w:footerReference w:type="first" r:id="rId20"/>
      <w:pgSz w:w="11906" w:h="16838" w:code="9"/>
      <w:pgMar w:top="1134" w:right="1191" w:bottom="1814" w:left="1191" w:header="850" w:footer="680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comment w:id="0" w:author="Tuija Laakso" w:date="2025-03-11T15:06:00Z" w:initials="TL">
    <w:p w14:paraId="7E249E8F" w14:textId="77777777" w:rsidR="00F907FD" w:rsidRDefault="00F907FD" w:rsidP="00F907FD">
      <w:pPr>
        <w:pStyle w:val="Kommentinteksti"/>
      </w:pPr>
      <w:r>
        <w:rPr>
          <w:rStyle w:val="Kommentinviite"/>
        </w:rPr>
        <w:annotationRef/>
      </w:r>
      <w:r>
        <w:t>Pitäisikö tänne sopimukseen saada vielä maininta tietoturvaa koskevista vaatimuksista?</w:t>
      </w:r>
    </w:p>
  </w:comment>
  <w:comment w:id="1" w:author="Tuija Laakso" w:date="2025-03-18T14:43:00Z" w:initials="TL">
    <w:p w14:paraId="0C296284" w14:textId="77777777" w:rsidR="00AB36ED" w:rsidRDefault="00AB36ED" w:rsidP="00AB36ED">
      <w:pPr>
        <w:pStyle w:val="Kommentinteksti"/>
      </w:pPr>
      <w:r>
        <w:rPr>
          <w:rStyle w:val="Kommentinviite"/>
        </w:rPr>
        <w:annotationRef/>
      </w:r>
      <w:r>
        <w:t>Kari, menihän tämä oikein?</w:t>
      </w:r>
    </w:p>
  </w:comment>
  <w:comment w:id="2" w:author="Tuija Laakso" w:date="2025-03-18T14:34:00Z" w:initials="TL">
    <w:p w14:paraId="143D39E3" w14:textId="67B8EA81" w:rsidR="00E42A94" w:rsidRDefault="00E42A94" w:rsidP="00E42A94">
      <w:pPr>
        <w:pStyle w:val="Kommentinteksti"/>
      </w:pPr>
      <w:r>
        <w:rPr>
          <w:rStyle w:val="Kommentinviite"/>
        </w:rPr>
        <w:annotationRef/>
      </w:r>
      <w:r>
        <w:rPr>
          <w:highlight w:val="yellow"/>
        </w:rPr>
        <w:t>Tässä kannattaa laittaa huomautuksena, että jos käyttää indeksiä niin ottaa n. 3 kk aikaisemmin tulleen indeksi. Eli kun meillä sopimuskausi vaihtuu 1.5. niin käytettiin tammikuun indeksiä. Yleensä ne julkaistaan vähän viiveellä.</w:t>
      </w:r>
    </w:p>
  </w:comment>
  <w:comment w:id="3" w:author="Tuija Laakso" w:date="2025-03-18T14:37:00Z" w:initials="TL">
    <w:p w14:paraId="6D3B69A7" w14:textId="77777777" w:rsidR="00570A21" w:rsidRDefault="00570A21" w:rsidP="00570A21">
      <w:pPr>
        <w:pStyle w:val="Kommentinteksti"/>
      </w:pPr>
      <w:r>
        <w:rPr>
          <w:rStyle w:val="Kommentinviite"/>
        </w:rPr>
        <w:annotationRef/>
      </w:r>
      <w:r>
        <w:t>Kari: onko tämä ohjemuotoilu ok?</w:t>
      </w:r>
    </w:p>
  </w:comment>
  <w:comment w:id="4" w:author="Tuija Laakso" w:date="2025-03-18T14:34:00Z" w:initials="TL">
    <w:p w14:paraId="0FDBE200" w14:textId="78CFB60A" w:rsidR="002528A4" w:rsidRDefault="002528A4" w:rsidP="002528A4">
      <w:pPr>
        <w:pStyle w:val="Kommentinteksti"/>
      </w:pPr>
      <w:r>
        <w:rPr>
          <w:rStyle w:val="Kommentinviite"/>
        </w:rPr>
        <w:annotationRef/>
      </w:r>
      <w:r>
        <w:rPr>
          <w:highlight w:val="yellow"/>
        </w:rPr>
        <w:t>Jossain oli eri maksuaika, senkin varmaan voi muokata jokainen haluamakseen. Meillä vanhassa taloushallinnan järjestelmässä viive oli pitkä ja sen takia käytimme 30 pvä. Yleinen taitaa olla 14 tai 21 pvä.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commentEx w15:paraId="7E249E8F" w15:done="1"/>
  <w15:commentEx w15:paraId="0C296284" w15:done="1"/>
  <w15:commentEx w15:paraId="143D39E3" w15:done="1"/>
  <w15:commentEx w15:paraId="6D3B69A7" w15:paraIdParent="143D39E3" w15:done="1"/>
  <w15:commentEx w15:paraId="0FDBE200" w15:done="1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cr="http://schemas.microsoft.com/office/comments/2020/reactions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cr wp14">
  <w16cex:commentExtensible w16cex:durableId="4D745544" w16cex:dateUtc="2025-03-11T13:06:00Z"/>
  <w16cex:commentExtensible w16cex:durableId="6A36DE7B" w16cex:dateUtc="2025-03-18T12:43:00Z"/>
  <w16cex:commentExtensible w16cex:durableId="5FE5D617" w16cex:dateUtc="2025-03-18T12:34:00Z"/>
  <w16cex:commentExtensible w16cex:durableId="7B2E0E6C" w16cex:dateUtc="2025-03-18T12:37:00Z"/>
  <w16cex:commentExtensible w16cex:durableId="36606FC6" w16cex:dateUtc="2025-03-18T12:34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7E249E8F" w16cid:durableId="4D745544"/>
  <w16cid:commentId w16cid:paraId="0C296284" w16cid:durableId="6A36DE7B"/>
  <w16cid:commentId w16cid:paraId="143D39E3" w16cid:durableId="5FE5D617"/>
  <w16cid:commentId w16cid:paraId="6D3B69A7" w16cid:durableId="7B2E0E6C"/>
  <w16cid:commentId w16cid:paraId="0FDBE200" w16cid:durableId="36606FC6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6B398DA" w14:textId="77777777" w:rsidR="007E1D4C" w:rsidRDefault="007E1D4C" w:rsidP="00B10F56">
      <w:pPr>
        <w:spacing w:line="240" w:lineRule="auto"/>
      </w:pPr>
      <w:r>
        <w:separator/>
      </w:r>
    </w:p>
  </w:endnote>
  <w:endnote w:type="continuationSeparator" w:id="0">
    <w:p w14:paraId="0A6E0389" w14:textId="77777777" w:rsidR="007E1D4C" w:rsidRDefault="007E1D4C" w:rsidP="00B10F56">
      <w:pPr>
        <w:spacing w:line="240" w:lineRule="auto"/>
      </w:pPr>
      <w:r>
        <w:continuationSeparator/>
      </w:r>
    </w:p>
  </w:endnote>
  <w:endnote w:type="continuationNotice" w:id="1">
    <w:p w14:paraId="0D7EC128" w14:textId="77777777" w:rsidR="007E1D4C" w:rsidRDefault="007E1D4C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rcular Pro Black">
    <w:altName w:val="Calibri"/>
    <w:panose1 w:val="00000000000000000000"/>
    <w:charset w:val="00"/>
    <w:family w:val="swiss"/>
    <w:notTrueType/>
    <w:pitch w:val="variable"/>
    <w:sig w:usb0="A000003F" w:usb1="5000E47B" w:usb2="00000008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CED763" w14:textId="0BFE8D73" w:rsidR="00146C35" w:rsidRPr="00E56404" w:rsidRDefault="00146C35" w:rsidP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8" behindDoc="1" locked="0" layoutInCell="1" allowOverlap="1" wp14:anchorId="5A8DF9AC" wp14:editId="13B0251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0" b="0"/>
              <wp:wrapNone/>
              <wp:docPr id="315790822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D0B251C" w14:textId="32948614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2B2071">
                            <w:rPr>
                              <w:noProof/>
                            </w:rPr>
                            <w:t>6</w:t>
                          </w:r>
                          <w:r w:rsidRPr="00C17A1E">
                            <w:fldChar w:fldCharType="end"/>
                          </w:r>
                        </w:p>
                        <w:p w14:paraId="1F9B627D" w14:textId="77777777" w:rsidR="00146C35" w:rsidRPr="0063189B" w:rsidRDefault="00146C35" w:rsidP="00146C35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A8DF9A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36" type="#_x0000_t202" style="position:absolute;margin-left:118.05pt;margin-top:0;width:169.25pt;height:97.5pt;z-index:-251658232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" filled="f" fillcolor="white [3201]" stroked="f" strokeweight=".5pt">
              <v:textbox inset="0,0,0,30mm">
                <w:txbxContent>
                  <w:p w14:paraId="2D0B251C" w14:textId="32948614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2B2071">
                      <w:rPr>
                        <w:noProof/>
                      </w:rPr>
                      <w:t>6</w:t>
                    </w:r>
                    <w:r w:rsidRPr="00C17A1E">
                      <w:fldChar w:fldCharType="end"/>
                    </w:r>
                  </w:p>
                  <w:p w14:paraId="1F9B627D" w14:textId="77777777" w:rsidR="00146C35" w:rsidRPr="0063189B" w:rsidRDefault="00146C35" w:rsidP="00146C35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7" behindDoc="0" locked="1" layoutInCell="1" allowOverlap="1" wp14:anchorId="678A87AA" wp14:editId="48836F15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3B71F6DD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49137DEF" w14:textId="77777777" w:rsidR="00146C35" w:rsidRPr="00C370BA" w:rsidRDefault="002B2071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8d0bddfa-cf16-40e3-b160-9bbfcc8117d7&quot;}}"/>
                                    <w:id w:val="1009029368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0BD31CE2" w14:textId="77777777" w:rsidR="00146C35" w:rsidRPr="00C370BA" w:rsidRDefault="002B2071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eb37e7bc-597e-4677-ac9c-740dc38d9cdc&quot;}}"/>
                                    <w:id w:val="-973297347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3D07C286" w14:textId="77777777" w:rsidR="00146C35" w:rsidRPr="00C370BA" w:rsidRDefault="002B2071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f6e0961b-4378-4543-a4ba-63feb36a533e&quot;}}"/>
                                    <w:id w:val="-605041599"/>
                                  </w:sdtPr>
                                  <w:sdtEndPr/>
                                  <w:sdtContent>
                                    <w:r w:rsidR="007B5D14"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6DBE5FE6" w14:textId="77777777" w:rsidR="00146C35" w:rsidRPr="00C370BA" w:rsidRDefault="002B2071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628161da-0b51-4807-b0ea-3d5ec9f9bf1f&quot;}}"/>
                                    <w:id w:val="891624314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1E183CF3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678A87AA" id="Company Info" o:spid="_x0000_s1037" type="#_x0000_t202" style="position:absolute;margin-left:0;margin-top:0;width:477.05pt;height:63.8pt;z-index:25165926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3B71F6DD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49137DEF" w14:textId="77777777" w:rsidR="00146C35" w:rsidRPr="00C370BA" w:rsidRDefault="004054CB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8d0bddfa-cf16-40e3-b160-9bbfcc8117d7&quot;}}"/>
                              <w:id w:val="1009029368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0BD31CE2" w14:textId="77777777" w:rsidR="00146C35" w:rsidRPr="00C370BA" w:rsidRDefault="004054CB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eb37e7bc-597e-4677-ac9c-740dc38d9cdc&quot;}}"/>
                              <w:id w:val="-973297347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3D07C286" w14:textId="77777777" w:rsidR="00146C35" w:rsidRPr="00C370BA" w:rsidRDefault="004054CB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f6e0961b-4378-4543-a4ba-63feb36a533e&quot;}}"/>
                              <w:id w:val="-605041599"/>
                            </w:sdtPr>
                            <w:sdtEndPr/>
                            <w:sdtContent>
                              <w:r w:rsidR="007B5D14"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6DBE5FE6" w14:textId="77777777" w:rsidR="00146C35" w:rsidRPr="00C370BA" w:rsidRDefault="004054CB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628161da-0b51-4807-b0ea-3d5ec9f9bf1f&quot;}}"/>
                              <w:id w:val="891624314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1E183CF3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3629BF31" w14:textId="77777777" w:rsidR="00146C35" w:rsidRDefault="00146C35" w:rsidP="00146C35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04d50247-68ae-4908-a59a-1c2f0fc033ec&quot;}}"/>
        <w:id w:val="-1976830411"/>
      </w:sdtPr>
      <w:sdtEndPr/>
      <w:sdtContent>
        <w:tr w:rsidR="00146C35" w14:paraId="4419DB8B" w14:textId="77777777" w:rsidTr="001F42FD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7A989204" w14:textId="77777777" w:rsidR="00146C35" w:rsidRDefault="00146C35" w:rsidP="00146C35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4A268DC7" w14:textId="74AA3AF9" w:rsidR="00146C35" w:rsidRPr="00BD2BBC" w:rsidRDefault="00146C35" w:rsidP="00146C35">
              <w:pPr>
                <w:pStyle w:val="Template-DocId"/>
              </w:pPr>
            </w:p>
          </w:tc>
        </w:tr>
      </w:sdtContent>
    </w:sdt>
  </w:tbl>
  <w:p w14:paraId="2F082B94" w14:textId="77777777" w:rsidR="00B10F56" w:rsidRDefault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2" behindDoc="0" locked="1" layoutInCell="1" allowOverlap="1" wp14:anchorId="754948CD" wp14:editId="177AC7F4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1826A619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3dc3287-9f64-4841-b590-d4c6f003b541&quot;}}"/>
                                  <w:id w:val="-1849621497"/>
                                </w:sdtPr>
                                <w:sdtEndPr/>
                                <w:sdtContent>
                                  <w:p w14:paraId="13FAD0BD" w14:textId="46B9F184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2B2071">
                                      <w:rPr>
                                        <w:vanish/>
                                      </w:rPr>
                                      <w:t>https://ramboll-my.sharepoint.com/personal/aija_nuoramo_ramboll_fi/Documents/Entinen kotiasema/projektit_2023/vesihuolto/LIITE 5 Sopimus_LOPULLINEN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1DBED2D8" w14:textId="77777777" w:rsidR="00146C35" w:rsidRPr="00041137" w:rsidRDefault="00146C35" w:rsidP="00146C35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54948CD" id="FileName" o:spid="_x0000_s1038" type="#_x0000_t202" style="position:absolute;margin-left:0;margin-top:0;width:345.75pt;height:42.25pt;z-index:25165824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1826A619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3dc3287-9f64-4841-b590-d4c6f003b541&quot;}}"/>
                            <w:id w:val="-1849621497"/>
                          </w:sdtPr>
                          <w:sdtEndPr/>
                          <w:sdtContent>
                            <w:p w14:paraId="13FAD0BD" w14:textId="46B9F184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2B2071">
                                <w:rPr>
                                  <w:vanish/>
                                </w:rPr>
                                <w:t>https://ramboll-my.sharepoint.com/personal/aija_nuoramo_ramboll_fi/Documents/Entinen kotiasema/projektit_2023/vesihuolto/LIITE 5 Sopimus_LOPULLINEN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1DBED2D8" w14:textId="77777777" w:rsidR="00146C35" w:rsidRPr="00041137" w:rsidRDefault="00146C35" w:rsidP="00146C35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CFF4CB" w14:textId="73D0B93C" w:rsidR="007D1331" w:rsidRPr="00E56404" w:rsidRDefault="007D1331" w:rsidP="007D1331">
    <w:pPr>
      <w:pStyle w:val="Alatunniste"/>
    </w:pPr>
    <w:bookmarkStart w:id="8" w:name="_Hlk74034185"/>
    <w:bookmarkStart w:id="9" w:name="_Hlk74034186"/>
    <w:r>
      <mc:AlternateContent>
        <mc:Choice Requires="wps">
          <w:drawing>
            <wp:anchor distT="0" distB="0" distL="114300" distR="114300" simplePos="0" relativeHeight="251658241" behindDoc="1" locked="0" layoutInCell="1" allowOverlap="1" wp14:anchorId="76B9D620" wp14:editId="52587CD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5913D7A" w14:textId="2C0C9A4F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2B2071">
                            <w:rPr>
                              <w:noProof/>
                            </w:rPr>
                            <w:t>6</w:t>
                          </w:r>
                          <w:r w:rsidRPr="00C17A1E">
                            <w:fldChar w:fldCharType="end"/>
                          </w:r>
                        </w:p>
                        <w:p w14:paraId="7FF027DD" w14:textId="77777777" w:rsidR="007D1331" w:rsidRPr="0063189B" w:rsidRDefault="007D1331" w:rsidP="007D1331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B9D620" id="_x0000_t202" coordsize="21600,21600" o:spt="202" path="m,l,21600r21600,l21600,xe">
              <v:stroke joinstyle="miter"/>
              <v:path gradientshapeok="t" o:connecttype="rect"/>
            </v:shapetype>
            <v:shape id="_x0000_s1039" type="#_x0000_t202" style="position:absolute;margin-left:118.05pt;margin-top:0;width:169.25pt;height:97.5pt;z-index:-251658239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" filled="f" fillcolor="white [3201]" stroked="f" strokeweight=".5pt">
              <v:textbox inset="0,0,0,30mm">
                <w:txbxContent>
                  <w:p w14:paraId="15913D7A" w14:textId="2C0C9A4F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2B2071">
                      <w:rPr>
                        <w:noProof/>
                      </w:rPr>
                      <w:t>6</w:t>
                    </w:r>
                    <w:r w:rsidRPr="00C17A1E">
                      <w:fldChar w:fldCharType="end"/>
                    </w:r>
                  </w:p>
                  <w:p w14:paraId="7FF027DD" w14:textId="77777777" w:rsidR="007D1331" w:rsidRPr="0063189B" w:rsidRDefault="007D1331" w:rsidP="007D1331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0" behindDoc="0" locked="1" layoutInCell="1" allowOverlap="1" wp14:anchorId="27BB2924" wp14:editId="52261169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331BFDDF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2E0702A4" w14:textId="77777777" w:rsidR="007D1331" w:rsidRPr="00C370BA" w:rsidRDefault="002B2071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fc592974-835e-4a2e-9657-d5620dd538d1&quot;}}"/>
                                    <w:id w:val="468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5DFD0BC4" w14:textId="77777777" w:rsidR="007D1331" w:rsidRPr="00C370BA" w:rsidRDefault="002B2071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40bce9c7-8de8-43ad-bd4d-35fea62d83e8&quot;}}"/>
                                    <w:id w:val="469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4FB95543" w14:textId="77777777" w:rsidR="007D1331" w:rsidRPr="007A2457" w:rsidRDefault="002B2071" w:rsidP="007A2457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476a28a9-760e-423d-b075-fd9a1465c773&quot;}}"/>
                                    <w:id w:val="470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1408DD3C" w14:textId="77777777" w:rsidR="007D1331" w:rsidRPr="00C370BA" w:rsidRDefault="002B2071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e41cf979-9b01-42a1-a45a-9cb57fac3f00&quot;}}"/>
                                    <w:id w:val="471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53E71AE5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27BB2924" id="_x0000_s1040" type="#_x0000_t202" style="position:absolute;margin-left:0;margin-top:0;width:477.05pt;height:63.8pt;z-index:251653120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331BFDDF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2E0702A4" w14:textId="77777777" w:rsidR="007D1331" w:rsidRPr="00C370BA" w:rsidRDefault="004054CB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fc592974-835e-4a2e-9657-d5620dd538d1&quot;}}"/>
                              <w:id w:val="468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5DFD0BC4" w14:textId="77777777" w:rsidR="007D1331" w:rsidRPr="00C370BA" w:rsidRDefault="004054CB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40bce9c7-8de8-43ad-bd4d-35fea62d83e8&quot;}}"/>
                              <w:id w:val="469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4FB95543" w14:textId="77777777" w:rsidR="007D1331" w:rsidRPr="007A2457" w:rsidRDefault="004054CB" w:rsidP="007A2457">
                          <w:pPr>
                            <w:pStyle w:val="Template-Address"/>
                          </w:pPr>
                          <w:sdt>
                            <w:sdtPr>
                              <w:alias w:val="Footer03HL"/>
                              <w:tag w:val="{&quot;templafy&quot;:{&quot;id&quot;:&quot;476a28a9-760e-423d-b075-fd9a1465c773&quot;}}"/>
                              <w:id w:val="470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1408DD3C" w14:textId="77777777" w:rsidR="007D1331" w:rsidRPr="00C370BA" w:rsidRDefault="004054CB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e41cf979-9b01-42a1-a45a-9cb57fac3f00&quot;}}"/>
                              <w:id w:val="471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53E71AE5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8"/>
    <w:bookmarkEnd w:id="9"/>
  </w:p>
  <w:p w14:paraId="68EF0109" w14:textId="77777777" w:rsidR="007D1331" w:rsidRDefault="007D1331" w:rsidP="007D1331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ae9f4c7d-8e7c-4be4-bc35-efa0c60c38c3&quot;}}"/>
        <w:id w:val="1091893360"/>
      </w:sdtPr>
      <w:sdtEndPr/>
      <w:sdtContent>
        <w:tr w:rsidR="005A1637" w14:paraId="20450AFF" w14:textId="77777777" w:rsidTr="005A1637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3407A8B0" w14:textId="77777777" w:rsidR="005A1637" w:rsidRDefault="005A1637" w:rsidP="005A1637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24DF296D" w14:textId="3A99E0FA" w:rsidR="005A1637" w:rsidRPr="00BD2BBC" w:rsidRDefault="005A1637" w:rsidP="005A1637">
              <w:pPr>
                <w:pStyle w:val="Template-DocId"/>
              </w:pPr>
            </w:p>
          </w:tc>
        </w:tr>
      </w:sdtContent>
    </w:sdt>
  </w:tbl>
  <w:p w14:paraId="13C3AEA8" w14:textId="6F0B4F17" w:rsidR="009B32C6" w:rsidRPr="007D1331" w:rsidRDefault="009B32C6" w:rsidP="007D1331">
    <w:pPr>
      <w:pStyle w:val="Alatunnist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F821986" w14:textId="77777777" w:rsidR="007E1D4C" w:rsidRDefault="007E1D4C" w:rsidP="00B10F56">
      <w:pPr>
        <w:spacing w:line="240" w:lineRule="auto"/>
      </w:pPr>
      <w:r>
        <w:separator/>
      </w:r>
    </w:p>
  </w:footnote>
  <w:footnote w:type="continuationSeparator" w:id="0">
    <w:p w14:paraId="444BD8F2" w14:textId="77777777" w:rsidR="007E1D4C" w:rsidRDefault="007E1D4C" w:rsidP="00B10F56">
      <w:pPr>
        <w:spacing w:line="240" w:lineRule="auto"/>
      </w:pPr>
      <w:r>
        <w:continuationSeparator/>
      </w:r>
    </w:p>
  </w:footnote>
  <w:footnote w:type="continuationNotice" w:id="1">
    <w:p w14:paraId="0B066DCA" w14:textId="77777777" w:rsidR="007E1D4C" w:rsidRDefault="007E1D4C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D87B77" w14:textId="77777777" w:rsidR="00FD75D9" w:rsidRDefault="00FD75D9">
    <w:pPr>
      <w:pStyle w:val="Yltunniste"/>
    </w:pPr>
    <w:r>
      <w:rPr>
        <w:noProof/>
      </w:rPr>
      <w:drawing>
        <wp:anchor distT="0" distB="0" distL="0" distR="0" simplePos="0" relativeHeight="251658243" behindDoc="0" locked="0" layoutInCell="1" allowOverlap="1" wp14:anchorId="46C90DA4" wp14:editId="2A1D327B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513874492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57622194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4" behindDoc="0" locked="0" layoutInCell="1" allowOverlap="1" wp14:anchorId="3D2673B9" wp14:editId="07324E49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347109956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21779667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5" w:name="_Hlk491951557"/>
  <w:bookmarkStart w:id="6" w:name="_Hlk491951558"/>
  <w:bookmarkStart w:id="7" w:name="_Hlk491951559"/>
  <w:p w14:paraId="25EB2ABB" w14:textId="77777777" w:rsidR="0072241B" w:rsidRDefault="002B2071" w:rsidP="0072241B">
    <w:pPr>
      <w:pStyle w:val="Template-Web"/>
    </w:pPr>
    <w:sdt>
      <w:sdtPr>
        <w:rPr>
          <w:vanish/>
        </w:rPr>
        <w:alias w:val="web"/>
        <w:tag w:val="{&quot;templafy&quot;:{&quot;id&quot;:&quot;b181ceff-c866-44ed-ad1a-27b1a20761b2&quot;}}"/>
        <w:id w:val="465"/>
      </w:sdtPr>
      <w:sdtEndPr/>
      <w:sdtContent>
        <w:r w:rsidR="007B5D14">
          <w:rPr>
            <w:vanish/>
          </w:rPr>
          <w:t>​</w:t>
        </w:r>
      </w:sdtContent>
    </w:sdt>
  </w:p>
  <w:bookmarkEnd w:id="5"/>
  <w:bookmarkEnd w:id="6"/>
  <w:bookmarkEnd w:id="7"/>
  <w:p w14:paraId="49D30B72" w14:textId="1E6756B4" w:rsidR="0072241B" w:rsidRDefault="0072241B" w:rsidP="0072241B">
    <w:pPr>
      <w:pStyle w:val="Yltunniste"/>
    </w:pPr>
    <w:r>
      <w:rPr>
        <w:noProof/>
      </w:rPr>
      <w:drawing>
        <wp:anchor distT="0" distB="0" distL="0" distR="0" simplePos="0" relativeHeight="251658245" behindDoc="0" locked="0" layoutInCell="1" allowOverlap="1" wp14:anchorId="2FF20456" wp14:editId="729D2B75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278442412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2302635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E7AB05" w14:textId="519A0736" w:rsidR="00245CB2" w:rsidRDefault="006B5455" w:rsidP="006B5455">
    <w:pPr>
      <w:pStyle w:val="Yltunniste"/>
      <w:tabs>
        <w:tab w:val="left" w:pos="2977"/>
      </w:tabs>
      <w:rPr>
        <w:rFonts w:ascii="Arial" w:hAnsi="Arial" w:cs="Arial"/>
        <w:b/>
        <w:bCs/>
        <w:sz w:val="22"/>
        <w:szCs w:val="22"/>
      </w:rPr>
    </w:pPr>
    <w:r>
      <w:rPr>
        <w:rFonts w:ascii="Arial" w:hAnsi="Arial" w:cs="Arial"/>
        <w:b/>
        <w:bCs/>
        <w:sz w:val="22"/>
        <w:szCs w:val="22"/>
      </w:rPr>
      <w:t xml:space="preserve">Liite </w:t>
    </w:r>
    <w:r w:rsidR="001B4381">
      <w:rPr>
        <w:rFonts w:ascii="Arial" w:hAnsi="Arial" w:cs="Arial"/>
        <w:b/>
        <w:bCs/>
        <w:sz w:val="22"/>
        <w:szCs w:val="22"/>
      </w:rPr>
      <w:t>5</w:t>
    </w:r>
    <w:r>
      <w:rPr>
        <w:rFonts w:ascii="Arial" w:hAnsi="Arial" w:cs="Arial"/>
        <w:b/>
        <w:bCs/>
        <w:sz w:val="22"/>
        <w:szCs w:val="22"/>
      </w:rPr>
      <w:tab/>
    </w:r>
    <w:r w:rsidR="004E3D34" w:rsidRPr="00C91A0E">
      <w:rPr>
        <w:rFonts w:ascii="Arial" w:hAnsi="Arial" w:cs="Arial"/>
        <w:b/>
        <w:bCs/>
        <w:sz w:val="22"/>
        <w:szCs w:val="22"/>
      </w:rPr>
      <w:t xml:space="preserve">HANKINTASOPIMUS </w:t>
    </w:r>
  </w:p>
  <w:p w14:paraId="7D90D750" w14:textId="075662F7" w:rsidR="00C91A0E" w:rsidRPr="009B096E" w:rsidRDefault="00245CB2" w:rsidP="00D332C6">
    <w:pPr>
      <w:pStyle w:val="Yltunniste"/>
      <w:ind w:left="2977"/>
      <w:rPr>
        <w:rStyle w:val="Sivunumero"/>
        <w:rFonts w:ascii="Arial" w:hAnsi="Arial" w:cs="Arial"/>
        <w:sz w:val="20"/>
        <w:szCs w:val="20"/>
      </w:rPr>
    </w:pPr>
    <w:r w:rsidRPr="00C91A0E">
      <w:rPr>
        <w:rFonts w:ascii="Arial" w:hAnsi="Arial" w:cs="Arial"/>
        <w:b/>
        <w:bCs/>
        <w:sz w:val="22"/>
        <w:szCs w:val="22"/>
      </w:rPr>
      <w:t>KUNTOTUTKIMUSPALVELUT</w:t>
    </w:r>
    <w:r w:rsidR="00D332C6">
      <w:rPr>
        <w:rStyle w:val="Sivunumero"/>
        <w:rFonts w:ascii="Arial" w:hAnsi="Arial" w:cs="Arial"/>
        <w:sz w:val="20"/>
        <w:szCs w:val="20"/>
      </w:rPr>
      <w:tab/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begin"/>
    </w:r>
    <w:r w:rsidR="00C91A0E" w:rsidRPr="009B096E">
      <w:rPr>
        <w:rStyle w:val="Sivunumero"/>
        <w:rFonts w:ascii="Arial" w:hAnsi="Arial" w:cs="Arial"/>
        <w:sz w:val="20"/>
        <w:szCs w:val="20"/>
      </w:rPr>
      <w:instrText xml:space="preserve"> PAGE </w:instrTex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separate"/>
    </w:r>
    <w:r w:rsidR="00C91A0E">
      <w:rPr>
        <w:rStyle w:val="Sivunumero"/>
        <w:sz w:val="20"/>
        <w:szCs w:val="20"/>
      </w:rPr>
      <w:t>1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end"/>
    </w:r>
    <w:r w:rsidR="00C91A0E" w:rsidRPr="009B096E">
      <w:rPr>
        <w:rStyle w:val="Sivunumero"/>
        <w:rFonts w:ascii="Arial" w:hAnsi="Arial" w:cs="Arial"/>
        <w:sz w:val="20"/>
        <w:szCs w:val="20"/>
      </w:rPr>
      <w:t>(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begin"/>
    </w:r>
    <w:r w:rsidR="00C91A0E" w:rsidRPr="009B096E">
      <w:rPr>
        <w:rStyle w:val="Sivunumero"/>
        <w:rFonts w:ascii="Arial" w:hAnsi="Arial" w:cs="Arial"/>
        <w:sz w:val="20"/>
        <w:szCs w:val="20"/>
      </w:rPr>
      <w:instrText xml:space="preserve"> NUMPAGES </w:instrTex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separate"/>
    </w:r>
    <w:r w:rsidR="00C91A0E">
      <w:rPr>
        <w:rStyle w:val="Sivunumero"/>
        <w:sz w:val="20"/>
        <w:szCs w:val="20"/>
      </w:rPr>
      <w:t>6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end"/>
    </w:r>
    <w:r w:rsidR="00C91A0E" w:rsidRPr="009B096E">
      <w:rPr>
        <w:rStyle w:val="Sivunumero"/>
        <w:rFonts w:ascii="Arial" w:hAnsi="Arial" w:cs="Arial"/>
        <w:sz w:val="20"/>
        <w:szCs w:val="20"/>
      </w:rPr>
      <w:t>)</w:t>
    </w:r>
  </w:p>
  <w:p w14:paraId="38A10BC1" w14:textId="1437870C" w:rsidR="00C91A0E" w:rsidRPr="009B096E" w:rsidRDefault="00C91A0E" w:rsidP="00C91A0E">
    <w:pPr>
      <w:pStyle w:val="Yltunniste"/>
      <w:ind w:firstLine="3420"/>
      <w:jc w:val="right"/>
      <w:rPr>
        <w:rFonts w:ascii="Arial" w:hAnsi="Arial" w:cs="Arial"/>
        <w:sz w:val="20"/>
        <w:szCs w:val="20"/>
        <w:lang w:val="en-US"/>
      </w:rPr>
    </w:pPr>
    <w:r w:rsidRPr="009B096E">
      <w:rPr>
        <w:rStyle w:val="Sivunumero"/>
        <w:rFonts w:ascii="Arial" w:hAnsi="Arial" w:cs="Arial"/>
        <w:sz w:val="20"/>
        <w:szCs w:val="20"/>
      </w:rPr>
      <w:t>[päivämäärä]</w:t>
    </w:r>
  </w:p>
  <w:p w14:paraId="397D5E3A" w14:textId="54A433CD" w:rsidR="009B32C6" w:rsidRDefault="00F76A4A">
    <w:pPr>
      <w:pStyle w:val="Yltunniste"/>
    </w:pPr>
    <w:r>
      <w:rPr>
        <w:noProof/>
        <w14:ligatures w14:val="standardContextual"/>
      </w:rPr>
      <mc:AlternateContent>
        <mc:Choice Requires="wps">
          <w:drawing>
            <wp:anchor distT="0" distB="0" distL="114300" distR="114300" simplePos="0" relativeHeight="251658249" behindDoc="0" locked="0" layoutInCell="1" allowOverlap="1" wp14:anchorId="3A64339D" wp14:editId="256434F3">
              <wp:simplePos x="0" y="0"/>
              <wp:positionH relativeFrom="column">
                <wp:posOffset>-41911</wp:posOffset>
              </wp:positionH>
              <wp:positionV relativeFrom="paragraph">
                <wp:posOffset>158115</wp:posOffset>
              </wp:positionV>
              <wp:extent cx="6124575" cy="0"/>
              <wp:effectExtent l="0" t="0" r="0" b="0"/>
              <wp:wrapNone/>
              <wp:docPr id="1805738986" name="Suora yhdysviiva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124575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dk1"/>
                      </a:lnRef>
                      <a:fillRef idx="0">
                        <a:schemeClr val="dk1"/>
                      </a:fillRef>
                      <a:effectRef idx="0">
                        <a:schemeClr val="dk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</wp:anchor>
          </w:drawing>
        </mc:Choice>
        <mc:Fallback>
          <w:pict>
            <v:line w14:anchorId="71B843F9" id="Suora yhdysviiva 1" o:spid="_x0000_s1026" style="position:absolute;z-index:25166233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3.3pt,12.45pt" to="478.95pt,12.4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" strokecolor="black [3200]" strokeweight=".5pt">
              <v:stroke joinstyle="miter"/>
            </v:line>
          </w:pict>
        </mc:Fallback>
      </mc:AlternateContent>
    </w:r>
    <w:r w:rsidR="009B32C6">
      <w:rPr>
        <w:noProof/>
      </w:rPr>
      <w:drawing>
        <wp:anchor distT="0" distB="0" distL="0" distR="0" simplePos="0" relativeHeight="251658246" behindDoc="0" locked="0" layoutInCell="1" allowOverlap="1" wp14:anchorId="5C558945" wp14:editId="58800DA8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321252334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3799895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Numeroituluettel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Numeroituluettel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Numeroituluettelo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Numeroituluettel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Merkittyluettel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Merkittyluettel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Merkittyluettelo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Merkittyluettelo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97868A2"/>
    <w:multiLevelType w:val="hybridMultilevel"/>
    <w:tmpl w:val="098CB7B8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0A14587A"/>
    <w:multiLevelType w:val="hybridMultilevel"/>
    <w:tmpl w:val="028C17A2"/>
    <w:lvl w:ilvl="0" w:tplc="040B0019">
      <w:start w:val="1"/>
      <w:numFmt w:val="lowerLetter"/>
      <w:lvlText w:val="%1."/>
      <w:lvlJc w:val="left"/>
      <w:pPr>
        <w:ind w:left="720" w:hanging="360"/>
      </w:pPr>
    </w:lvl>
    <w:lvl w:ilvl="1" w:tplc="040B0019" w:tentative="1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8F76612"/>
    <w:multiLevelType w:val="hybridMultilevel"/>
    <w:tmpl w:val="505EB342"/>
    <w:lvl w:ilvl="0" w:tplc="040B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B0019">
      <w:start w:val="1"/>
      <w:numFmt w:val="lowerLetter"/>
      <w:lvlText w:val="%2."/>
      <w:lvlJc w:val="left"/>
      <w:pPr>
        <w:ind w:left="1440" w:hanging="360"/>
      </w:pPr>
    </w:lvl>
    <w:lvl w:ilvl="2" w:tplc="040B001B">
      <w:start w:val="1"/>
      <w:numFmt w:val="lowerRoman"/>
      <w:lvlText w:val="%3."/>
      <w:lvlJc w:val="right"/>
      <w:pPr>
        <w:ind w:left="2160" w:hanging="180"/>
      </w:pPr>
    </w:lvl>
    <w:lvl w:ilvl="3" w:tplc="040B000F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1C364A1"/>
    <w:multiLevelType w:val="hybridMultilevel"/>
    <w:tmpl w:val="BCCC613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23953F3C"/>
    <w:multiLevelType w:val="hybridMultilevel"/>
    <w:tmpl w:val="857EA97A"/>
    <w:lvl w:ilvl="0" w:tplc="041D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92E10F3"/>
    <w:multiLevelType w:val="hybridMultilevel"/>
    <w:tmpl w:val="05D2C442"/>
    <w:lvl w:ilvl="0" w:tplc="C66EF6E0">
      <w:start w:val="1"/>
      <w:numFmt w:val="decimal"/>
      <w:pStyle w:val="Potsikot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EFD5E19"/>
    <w:multiLevelType w:val="hybridMultilevel"/>
    <w:tmpl w:val="4F74983A"/>
    <w:lvl w:ilvl="0" w:tplc="040B0019">
      <w:start w:val="1"/>
      <w:numFmt w:val="lowerLetter"/>
      <w:lvlText w:val="%1."/>
      <w:lvlJc w:val="left"/>
      <w:pPr>
        <w:ind w:left="720" w:hanging="360"/>
      </w:pPr>
    </w:lvl>
    <w:lvl w:ilvl="1" w:tplc="040B0019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4A97850"/>
    <w:multiLevelType w:val="multilevel"/>
    <w:tmpl w:val="040B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4D185AD4"/>
    <w:multiLevelType w:val="hybridMultilevel"/>
    <w:tmpl w:val="90883B40"/>
    <w:lvl w:ilvl="0" w:tplc="040B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B0019" w:tentative="1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653147C3"/>
    <w:multiLevelType w:val="hybridMultilevel"/>
    <w:tmpl w:val="BCCC6136"/>
    <w:lvl w:ilvl="0" w:tplc="040B000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CC169D8"/>
    <w:multiLevelType w:val="hybridMultilevel"/>
    <w:tmpl w:val="D38EA6E6"/>
    <w:lvl w:ilvl="0" w:tplc="040B000F">
      <w:start w:val="1"/>
      <w:numFmt w:val="decimal"/>
      <w:lvlText w:val="%1."/>
      <w:lvlJc w:val="left"/>
      <w:pPr>
        <w:ind w:left="720" w:hanging="360"/>
      </w:pPr>
    </w:lvl>
    <w:lvl w:ilvl="1" w:tplc="57A01854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7E20588C"/>
    <w:multiLevelType w:val="multilevel"/>
    <w:tmpl w:val="6FB043B0"/>
    <w:lvl w:ilvl="0">
      <w:start w:val="1"/>
      <w:numFmt w:val="decimal"/>
      <w:pStyle w:val="Numeroituluettelo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3" w15:restartNumberingAfterBreak="0">
    <w:nsid w:val="7FB354B8"/>
    <w:multiLevelType w:val="multilevel"/>
    <w:tmpl w:val="372283E4"/>
    <w:lvl w:ilvl="0">
      <w:start w:val="1"/>
      <w:numFmt w:val="bullet"/>
      <w:pStyle w:val="Merkittyluettelo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23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22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22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11"/>
  </w:num>
  <w:num w:numId="14" w16cid:durableId="180900469">
    <w:abstractNumId w:val="18"/>
  </w:num>
  <w:num w:numId="15" w16cid:durableId="235240679">
    <w:abstractNumId w:val="11"/>
  </w:num>
  <w:num w:numId="16" w16cid:durableId="2047440415">
    <w:abstractNumId w:val="18"/>
  </w:num>
  <w:num w:numId="17" w16cid:durableId="1154301013">
    <w:abstractNumId w:val="23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22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23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22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  <w:num w:numId="37" w16cid:durableId="477574827">
    <w:abstractNumId w:val="21"/>
  </w:num>
  <w:num w:numId="38" w16cid:durableId="1726834580">
    <w:abstractNumId w:val="12"/>
  </w:num>
  <w:num w:numId="39" w16cid:durableId="297302672">
    <w:abstractNumId w:val="16"/>
  </w:num>
  <w:num w:numId="40" w16cid:durableId="1304889537">
    <w:abstractNumId w:val="10"/>
  </w:num>
  <w:num w:numId="41" w16cid:durableId="841360368">
    <w:abstractNumId w:val="19"/>
  </w:num>
  <w:num w:numId="42" w16cid:durableId="550919839">
    <w:abstractNumId w:val="17"/>
  </w:num>
  <w:num w:numId="43" w16cid:durableId="401028641">
    <w:abstractNumId w:val="14"/>
  </w:num>
  <w:num w:numId="44" w16cid:durableId="1714191057">
    <w:abstractNumId w:val="9"/>
  </w:num>
  <w:num w:numId="45" w16cid:durableId="6492755">
    <w:abstractNumId w:val="15"/>
  </w:num>
  <w:num w:numId="46" w16cid:durableId="928463370">
    <w:abstractNumId w:val="20"/>
  </w:num>
  <w:num w:numId="47" w16cid:durableId="1189216460">
    <w:abstractNumId w:val="1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Tuija Laakso">
    <w15:presenceInfo w15:providerId="AD" w15:userId="S::tuija.laakso@ramboll.fi::af95c583-f57e-4508-97c7-b701a668ffa3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attachedTemplate r:id="rId1"/>
  <w:revisionView w:markup="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8010E"/>
    <w:rsid w:val="00002537"/>
    <w:rsid w:val="00015F9B"/>
    <w:rsid w:val="00031CB6"/>
    <w:rsid w:val="0003428C"/>
    <w:rsid w:val="00045DCF"/>
    <w:rsid w:val="000474D7"/>
    <w:rsid w:val="00060F5C"/>
    <w:rsid w:val="000706A2"/>
    <w:rsid w:val="0007553A"/>
    <w:rsid w:val="00095A32"/>
    <w:rsid w:val="000A59DC"/>
    <w:rsid w:val="000C023D"/>
    <w:rsid w:val="000C0F93"/>
    <w:rsid w:val="000D790D"/>
    <w:rsid w:val="000E79A0"/>
    <w:rsid w:val="00140E15"/>
    <w:rsid w:val="00144E3E"/>
    <w:rsid w:val="00145F89"/>
    <w:rsid w:val="00146C35"/>
    <w:rsid w:val="001868EF"/>
    <w:rsid w:val="001B0962"/>
    <w:rsid w:val="001B4381"/>
    <w:rsid w:val="001D4EC9"/>
    <w:rsid w:val="001E3B32"/>
    <w:rsid w:val="002103CB"/>
    <w:rsid w:val="0021336D"/>
    <w:rsid w:val="00213C0E"/>
    <w:rsid w:val="0022294E"/>
    <w:rsid w:val="00245CB2"/>
    <w:rsid w:val="002528A4"/>
    <w:rsid w:val="00262805"/>
    <w:rsid w:val="002854AC"/>
    <w:rsid w:val="002919F0"/>
    <w:rsid w:val="0029696B"/>
    <w:rsid w:val="002B2071"/>
    <w:rsid w:val="002B3535"/>
    <w:rsid w:val="002C6BBC"/>
    <w:rsid w:val="002D24D3"/>
    <w:rsid w:val="002E125F"/>
    <w:rsid w:val="00300B73"/>
    <w:rsid w:val="0030733B"/>
    <w:rsid w:val="0031083F"/>
    <w:rsid w:val="00310F72"/>
    <w:rsid w:val="00321687"/>
    <w:rsid w:val="003278BA"/>
    <w:rsid w:val="00333DB8"/>
    <w:rsid w:val="00352F1C"/>
    <w:rsid w:val="0035497D"/>
    <w:rsid w:val="0036086C"/>
    <w:rsid w:val="00367A60"/>
    <w:rsid w:val="0037192B"/>
    <w:rsid w:val="00374C7E"/>
    <w:rsid w:val="003754CB"/>
    <w:rsid w:val="0038473A"/>
    <w:rsid w:val="003A0FE8"/>
    <w:rsid w:val="003A19D2"/>
    <w:rsid w:val="003A3B80"/>
    <w:rsid w:val="003A6070"/>
    <w:rsid w:val="003A689D"/>
    <w:rsid w:val="003B09B3"/>
    <w:rsid w:val="003B3FE1"/>
    <w:rsid w:val="003B5EE8"/>
    <w:rsid w:val="003C26A1"/>
    <w:rsid w:val="003D1F20"/>
    <w:rsid w:val="003D68B8"/>
    <w:rsid w:val="003E6D82"/>
    <w:rsid w:val="004035E2"/>
    <w:rsid w:val="004054CB"/>
    <w:rsid w:val="00425345"/>
    <w:rsid w:val="00434D7F"/>
    <w:rsid w:val="004403DF"/>
    <w:rsid w:val="00446283"/>
    <w:rsid w:val="0045198B"/>
    <w:rsid w:val="004609F7"/>
    <w:rsid w:val="00494C50"/>
    <w:rsid w:val="004962AC"/>
    <w:rsid w:val="004A3CBA"/>
    <w:rsid w:val="004B103E"/>
    <w:rsid w:val="004B3CBB"/>
    <w:rsid w:val="004C5030"/>
    <w:rsid w:val="004C6B2B"/>
    <w:rsid w:val="004D1272"/>
    <w:rsid w:val="004D6101"/>
    <w:rsid w:val="004E3D34"/>
    <w:rsid w:val="004E4F2F"/>
    <w:rsid w:val="00501592"/>
    <w:rsid w:val="005122FF"/>
    <w:rsid w:val="00520302"/>
    <w:rsid w:val="00521172"/>
    <w:rsid w:val="005329C5"/>
    <w:rsid w:val="00541D37"/>
    <w:rsid w:val="005610DE"/>
    <w:rsid w:val="005611A0"/>
    <w:rsid w:val="00564E5F"/>
    <w:rsid w:val="00570A21"/>
    <w:rsid w:val="005737AE"/>
    <w:rsid w:val="0057767B"/>
    <w:rsid w:val="00580A44"/>
    <w:rsid w:val="00582D47"/>
    <w:rsid w:val="0058461C"/>
    <w:rsid w:val="005A1637"/>
    <w:rsid w:val="005B0A31"/>
    <w:rsid w:val="005C5E91"/>
    <w:rsid w:val="006035F1"/>
    <w:rsid w:val="006062FA"/>
    <w:rsid w:val="00615BCE"/>
    <w:rsid w:val="006243A4"/>
    <w:rsid w:val="006438BC"/>
    <w:rsid w:val="00661833"/>
    <w:rsid w:val="00667E14"/>
    <w:rsid w:val="006842C6"/>
    <w:rsid w:val="00684EBA"/>
    <w:rsid w:val="006858EC"/>
    <w:rsid w:val="006B5455"/>
    <w:rsid w:val="006C4B72"/>
    <w:rsid w:val="006E3082"/>
    <w:rsid w:val="006F0275"/>
    <w:rsid w:val="00702D70"/>
    <w:rsid w:val="00707E32"/>
    <w:rsid w:val="0072241B"/>
    <w:rsid w:val="00723094"/>
    <w:rsid w:val="00730440"/>
    <w:rsid w:val="00731BC6"/>
    <w:rsid w:val="0074742D"/>
    <w:rsid w:val="00763D90"/>
    <w:rsid w:val="00772D6C"/>
    <w:rsid w:val="00785513"/>
    <w:rsid w:val="00791B9B"/>
    <w:rsid w:val="007920D5"/>
    <w:rsid w:val="007920DB"/>
    <w:rsid w:val="00794143"/>
    <w:rsid w:val="00797AC6"/>
    <w:rsid w:val="007A2457"/>
    <w:rsid w:val="007A372C"/>
    <w:rsid w:val="007A3F56"/>
    <w:rsid w:val="007A577C"/>
    <w:rsid w:val="007B5D14"/>
    <w:rsid w:val="007D0315"/>
    <w:rsid w:val="007D1331"/>
    <w:rsid w:val="007E1D4C"/>
    <w:rsid w:val="007E4F21"/>
    <w:rsid w:val="0080291E"/>
    <w:rsid w:val="008076DE"/>
    <w:rsid w:val="00820C1D"/>
    <w:rsid w:val="008407D5"/>
    <w:rsid w:val="00847D92"/>
    <w:rsid w:val="0085493D"/>
    <w:rsid w:val="00864FB1"/>
    <w:rsid w:val="00872B56"/>
    <w:rsid w:val="008773A4"/>
    <w:rsid w:val="008830E2"/>
    <w:rsid w:val="008908A0"/>
    <w:rsid w:val="008A07C2"/>
    <w:rsid w:val="008C05B3"/>
    <w:rsid w:val="008C13A3"/>
    <w:rsid w:val="008E05E9"/>
    <w:rsid w:val="008E5E38"/>
    <w:rsid w:val="008E79CE"/>
    <w:rsid w:val="008F324D"/>
    <w:rsid w:val="008F6CB0"/>
    <w:rsid w:val="00902336"/>
    <w:rsid w:val="009032DA"/>
    <w:rsid w:val="00914BE6"/>
    <w:rsid w:val="00914E25"/>
    <w:rsid w:val="00916419"/>
    <w:rsid w:val="0092123C"/>
    <w:rsid w:val="00927B68"/>
    <w:rsid w:val="00953AB1"/>
    <w:rsid w:val="0096406F"/>
    <w:rsid w:val="00971DB2"/>
    <w:rsid w:val="00976646"/>
    <w:rsid w:val="009812C4"/>
    <w:rsid w:val="00984619"/>
    <w:rsid w:val="00985A4B"/>
    <w:rsid w:val="0098729C"/>
    <w:rsid w:val="009957CD"/>
    <w:rsid w:val="009A06B7"/>
    <w:rsid w:val="009A713C"/>
    <w:rsid w:val="009A7266"/>
    <w:rsid w:val="009B29FD"/>
    <w:rsid w:val="009B32C6"/>
    <w:rsid w:val="009D2AC4"/>
    <w:rsid w:val="009D46C6"/>
    <w:rsid w:val="009E51FB"/>
    <w:rsid w:val="009F542E"/>
    <w:rsid w:val="00A167FE"/>
    <w:rsid w:val="00A16C81"/>
    <w:rsid w:val="00A2288A"/>
    <w:rsid w:val="00A367A3"/>
    <w:rsid w:val="00A57588"/>
    <w:rsid w:val="00A64890"/>
    <w:rsid w:val="00A735A4"/>
    <w:rsid w:val="00A9028B"/>
    <w:rsid w:val="00AA34EF"/>
    <w:rsid w:val="00AB36ED"/>
    <w:rsid w:val="00AB5601"/>
    <w:rsid w:val="00B0028A"/>
    <w:rsid w:val="00B05F5D"/>
    <w:rsid w:val="00B10F56"/>
    <w:rsid w:val="00B12216"/>
    <w:rsid w:val="00B148F4"/>
    <w:rsid w:val="00B34C2E"/>
    <w:rsid w:val="00B372B0"/>
    <w:rsid w:val="00B55AFC"/>
    <w:rsid w:val="00B8010E"/>
    <w:rsid w:val="00B90DD3"/>
    <w:rsid w:val="00B9681F"/>
    <w:rsid w:val="00BA7509"/>
    <w:rsid w:val="00BB451A"/>
    <w:rsid w:val="00BD0F14"/>
    <w:rsid w:val="00BD5067"/>
    <w:rsid w:val="00BD678C"/>
    <w:rsid w:val="00BF5CB7"/>
    <w:rsid w:val="00BF65DE"/>
    <w:rsid w:val="00C00718"/>
    <w:rsid w:val="00C05667"/>
    <w:rsid w:val="00C1657F"/>
    <w:rsid w:val="00C34ED8"/>
    <w:rsid w:val="00C434DD"/>
    <w:rsid w:val="00C4501E"/>
    <w:rsid w:val="00C532C9"/>
    <w:rsid w:val="00C54CEE"/>
    <w:rsid w:val="00C62E8F"/>
    <w:rsid w:val="00C7458E"/>
    <w:rsid w:val="00C765F2"/>
    <w:rsid w:val="00C814C5"/>
    <w:rsid w:val="00C85ABF"/>
    <w:rsid w:val="00C90C59"/>
    <w:rsid w:val="00C91A0E"/>
    <w:rsid w:val="00C97D5C"/>
    <w:rsid w:val="00CA47E4"/>
    <w:rsid w:val="00CB1BA7"/>
    <w:rsid w:val="00CC3128"/>
    <w:rsid w:val="00CD1314"/>
    <w:rsid w:val="00CD318B"/>
    <w:rsid w:val="00CD5A9D"/>
    <w:rsid w:val="00CE03FE"/>
    <w:rsid w:val="00CE31C5"/>
    <w:rsid w:val="00CF32D6"/>
    <w:rsid w:val="00D332C6"/>
    <w:rsid w:val="00D400EA"/>
    <w:rsid w:val="00D41826"/>
    <w:rsid w:val="00D42BA5"/>
    <w:rsid w:val="00D52569"/>
    <w:rsid w:val="00D70C31"/>
    <w:rsid w:val="00D82D9E"/>
    <w:rsid w:val="00D95721"/>
    <w:rsid w:val="00D97242"/>
    <w:rsid w:val="00DA3DA3"/>
    <w:rsid w:val="00DB396A"/>
    <w:rsid w:val="00DB6262"/>
    <w:rsid w:val="00DC30C0"/>
    <w:rsid w:val="00DC39AD"/>
    <w:rsid w:val="00DD11EB"/>
    <w:rsid w:val="00DD449D"/>
    <w:rsid w:val="00DD5D2B"/>
    <w:rsid w:val="00DE12AC"/>
    <w:rsid w:val="00DF4AC1"/>
    <w:rsid w:val="00E03766"/>
    <w:rsid w:val="00E15B64"/>
    <w:rsid w:val="00E23699"/>
    <w:rsid w:val="00E36B2A"/>
    <w:rsid w:val="00E3734E"/>
    <w:rsid w:val="00E42A94"/>
    <w:rsid w:val="00E5219A"/>
    <w:rsid w:val="00E82984"/>
    <w:rsid w:val="00E95BB9"/>
    <w:rsid w:val="00EA0EB3"/>
    <w:rsid w:val="00EB2CDE"/>
    <w:rsid w:val="00EB35D1"/>
    <w:rsid w:val="00EC09D1"/>
    <w:rsid w:val="00EC70AC"/>
    <w:rsid w:val="00ED27A4"/>
    <w:rsid w:val="00EF0EFB"/>
    <w:rsid w:val="00F07ECA"/>
    <w:rsid w:val="00F1559A"/>
    <w:rsid w:val="00F3110A"/>
    <w:rsid w:val="00F506C6"/>
    <w:rsid w:val="00F76063"/>
    <w:rsid w:val="00F76A4A"/>
    <w:rsid w:val="00F907FD"/>
    <w:rsid w:val="00F93427"/>
    <w:rsid w:val="00FA6AEC"/>
    <w:rsid w:val="00FA6FCC"/>
    <w:rsid w:val="00FD0C02"/>
    <w:rsid w:val="00FD1CD2"/>
    <w:rsid w:val="00FD1E9E"/>
    <w:rsid w:val="00FD75D9"/>
    <w:rsid w:val="00FE4368"/>
    <w:rsid w:val="00FF25DD"/>
    <w:rsid w:val="00FF40DC"/>
    <w:rsid w:val="67E1B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DE13D7"/>
  <w15:chartTrackingRefBased/>
  <w15:docId w15:val="{8E84ED34-B9E3-4184-BDD8-ABEBDF3C77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Otsikko1">
    <w:name w:val="heading 1"/>
    <w:basedOn w:val="Normaali"/>
    <w:next w:val="Normaali"/>
    <w:link w:val="Otsikko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tsikko2">
    <w:name w:val="heading 2"/>
    <w:basedOn w:val="Normaali"/>
    <w:next w:val="Normaali"/>
    <w:link w:val="Otsikko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tsikko3">
    <w:name w:val="heading 3"/>
    <w:basedOn w:val="Normaali"/>
    <w:next w:val="Normaali"/>
    <w:link w:val="Otsikko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tsikko4">
    <w:name w:val="heading 4"/>
    <w:basedOn w:val="Normaali"/>
    <w:next w:val="Normaali"/>
    <w:link w:val="Otsikko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tsikko5">
    <w:name w:val="heading 5"/>
    <w:basedOn w:val="Normaali"/>
    <w:next w:val="Normaali"/>
    <w:link w:val="Otsikko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Otsikko6">
    <w:name w:val="heading 6"/>
    <w:basedOn w:val="Normaali"/>
    <w:next w:val="Normaali"/>
    <w:link w:val="Otsikko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tsikko7">
    <w:name w:val="heading 7"/>
    <w:basedOn w:val="Normaali"/>
    <w:next w:val="Normaali"/>
    <w:link w:val="Otsikko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tsikko8">
    <w:name w:val="heading 8"/>
    <w:basedOn w:val="Normaali"/>
    <w:next w:val="Normaali"/>
    <w:link w:val="Otsikko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tsikko9">
    <w:name w:val="heading 9"/>
    <w:basedOn w:val="Normaali"/>
    <w:next w:val="Normaali"/>
    <w:link w:val="Otsikko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paragraph" w:styleId="Yltunniste">
    <w:name w:val="header"/>
    <w:basedOn w:val="Normaali"/>
    <w:link w:val="YltunnisteChar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YltunnisteChar">
    <w:name w:val="Ylätunniste Char"/>
    <w:basedOn w:val="Kappaleenoletusfontti"/>
    <w:link w:val="Yltunniste"/>
    <w:rsid w:val="008F324D"/>
    <w:rPr>
      <w:rFonts w:ascii="Verdana" w:hAnsi="Verdana"/>
      <w:kern w:val="0"/>
      <w:sz w:val="16"/>
      <w:szCs w:val="18"/>
      <w:lang w:val="fi-FI"/>
      <w14:ligatures w14:val="none"/>
    </w:rPr>
  </w:style>
  <w:style w:type="paragraph" w:styleId="Alatunniste">
    <w:name w:val="footer"/>
    <w:basedOn w:val="Normaali"/>
    <w:link w:val="Alatunniste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AlatunnisteChar">
    <w:name w:val="Alatunniste Char"/>
    <w:basedOn w:val="Kappaleenoletusfontti"/>
    <w:link w:val="Alatunniste"/>
    <w:uiPriority w:val="99"/>
    <w:rsid w:val="008F324D"/>
    <w:rPr>
      <w:rFonts w:ascii="Verdana" w:hAnsi="Verdana"/>
      <w:noProof/>
      <w:kern w:val="0"/>
      <w:sz w:val="12"/>
      <w:szCs w:val="18"/>
      <w:lang w:val="fi-FI"/>
      <w14:ligatures w14:val="none"/>
    </w:rPr>
  </w:style>
  <w:style w:type="character" w:styleId="Paikkamerkkiteksti">
    <w:name w:val="Placeholder Text"/>
    <w:basedOn w:val="Kappaleenoletusfontti"/>
    <w:uiPriority w:val="99"/>
    <w:semiHidden/>
    <w:rsid w:val="008F324D"/>
    <w:rPr>
      <w:color w:val="auto"/>
      <w:lang w:val="fi-FI"/>
    </w:rPr>
  </w:style>
  <w:style w:type="character" w:customStyle="1" w:styleId="Otsikko1Char">
    <w:name w:val="Otsikko 1 Char"/>
    <w:basedOn w:val="Kappaleenoletusfontti"/>
    <w:link w:val="Otsikko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fi-FI"/>
      <w14:ligatures w14:val="none"/>
    </w:rPr>
  </w:style>
  <w:style w:type="character" w:customStyle="1" w:styleId="Otsikko2Char">
    <w:name w:val="Otsikko 2 Char"/>
    <w:basedOn w:val="Kappaleenoletusfontti"/>
    <w:link w:val="Otsikko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fi-FI"/>
      <w14:ligatures w14:val="none"/>
    </w:rPr>
  </w:style>
  <w:style w:type="character" w:customStyle="1" w:styleId="Otsikko3Char">
    <w:name w:val="Otsikko 3 Char"/>
    <w:basedOn w:val="Kappaleenoletusfontti"/>
    <w:link w:val="Otsikko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fi-FI"/>
      <w14:ligatures w14:val="none"/>
    </w:rPr>
  </w:style>
  <w:style w:type="character" w:customStyle="1" w:styleId="Otsikko4Char">
    <w:name w:val="Otsikko 4 Char"/>
    <w:basedOn w:val="Kappaleenoletusfontti"/>
    <w:link w:val="Otsikko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fi-FI"/>
      <w14:ligatures w14:val="none"/>
    </w:rPr>
  </w:style>
  <w:style w:type="character" w:customStyle="1" w:styleId="Otsikko5Char">
    <w:name w:val="Otsikko 5 Char"/>
    <w:basedOn w:val="Kappaleenoletusfontti"/>
    <w:link w:val="Otsikko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fi-FI"/>
      <w14:ligatures w14:val="none"/>
    </w:rPr>
  </w:style>
  <w:style w:type="character" w:customStyle="1" w:styleId="Otsikko6Char">
    <w:name w:val="Otsikko 6 Char"/>
    <w:basedOn w:val="Kappaleenoletusfontti"/>
    <w:link w:val="Otsikko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7Char">
    <w:name w:val="Otsikko 7 Char"/>
    <w:basedOn w:val="Kappaleenoletusfontti"/>
    <w:link w:val="Otsikko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8Char">
    <w:name w:val="Otsikko 8 Char"/>
    <w:basedOn w:val="Kappaleenoletusfontti"/>
    <w:link w:val="Otsikko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fi-FI"/>
      <w14:ligatures w14:val="none"/>
    </w:rPr>
  </w:style>
  <w:style w:type="character" w:customStyle="1" w:styleId="Otsikko9Char">
    <w:name w:val="Otsikko 9 Char"/>
    <w:basedOn w:val="Kappaleenoletusfontti"/>
    <w:link w:val="Otsikko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fi-FI"/>
      <w14:ligatures w14:val="none"/>
    </w:rPr>
  </w:style>
  <w:style w:type="paragraph" w:styleId="Otsikko">
    <w:name w:val="Title"/>
    <w:basedOn w:val="Normaali"/>
    <w:next w:val="Normaali"/>
    <w:link w:val="Otsikko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OtsikkoChar">
    <w:name w:val="Otsikko Char"/>
    <w:basedOn w:val="Kappaleenoletusfontti"/>
    <w:link w:val="Otsikko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fi-FI"/>
      <w14:ligatures w14:val="none"/>
    </w:rPr>
  </w:style>
  <w:style w:type="paragraph" w:styleId="Alaotsikko">
    <w:name w:val="Subtitle"/>
    <w:basedOn w:val="Normaali"/>
    <w:next w:val="Normaali"/>
    <w:link w:val="Alaotsikko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AlaotsikkoChar">
    <w:name w:val="Alaotsikko Char"/>
    <w:basedOn w:val="Kappaleenoletusfontti"/>
    <w:link w:val="Alaotsikko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fi-FI"/>
      <w14:ligatures w14:val="none"/>
    </w:rPr>
  </w:style>
  <w:style w:type="character" w:styleId="Hienovarainenkorostus">
    <w:name w:val="Subtle Emphasis"/>
    <w:basedOn w:val="Kappaleenoletusfontti"/>
    <w:uiPriority w:val="99"/>
    <w:qFormat/>
    <w:rsid w:val="008F324D"/>
    <w:rPr>
      <w:i/>
      <w:iCs/>
      <w:color w:val="808080" w:themeColor="text1" w:themeTint="7F"/>
      <w:lang w:val="fi-FI"/>
    </w:rPr>
  </w:style>
  <w:style w:type="character" w:styleId="Voimakaskorostus">
    <w:name w:val="Intense Emphasis"/>
    <w:basedOn w:val="Kappaleenoletusfontti"/>
    <w:uiPriority w:val="19"/>
    <w:rsid w:val="008F324D"/>
    <w:rPr>
      <w:b/>
      <w:bCs/>
      <w:i/>
      <w:iCs/>
      <w:color w:val="auto"/>
      <w:lang w:val="fi-FI"/>
    </w:rPr>
  </w:style>
  <w:style w:type="character" w:styleId="Voimakas">
    <w:name w:val="Strong"/>
    <w:basedOn w:val="Kappaleenoletusfontti"/>
    <w:uiPriority w:val="19"/>
    <w:rsid w:val="008F324D"/>
    <w:rPr>
      <w:b/>
      <w:bCs/>
      <w:lang w:val="fi-FI"/>
    </w:rPr>
  </w:style>
  <w:style w:type="paragraph" w:styleId="Erottuvalainaus">
    <w:name w:val="Intense Quote"/>
    <w:basedOn w:val="Normaali"/>
    <w:next w:val="Normaali"/>
    <w:link w:val="Erottuvalainaus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ErottuvalainausChar">
    <w:name w:val="Erottuva lainaus Char"/>
    <w:basedOn w:val="Kappaleenoletusfontti"/>
    <w:link w:val="Erottuvalainaus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fi-FI"/>
      <w14:ligatures w14:val="none"/>
    </w:rPr>
  </w:style>
  <w:style w:type="character" w:styleId="Hienovarainenviittaus">
    <w:name w:val="Subtle Reference"/>
    <w:basedOn w:val="Kappaleenoletusfontti"/>
    <w:uiPriority w:val="99"/>
    <w:qFormat/>
    <w:rsid w:val="008F324D"/>
    <w:rPr>
      <w:caps w:val="0"/>
      <w:smallCaps w:val="0"/>
      <w:color w:val="auto"/>
      <w:u w:val="single"/>
      <w:lang w:val="fi-FI"/>
    </w:rPr>
  </w:style>
  <w:style w:type="character" w:styleId="Erottuvaviittaus">
    <w:name w:val="Intense Reference"/>
    <w:basedOn w:val="Kappaleenoletusfontti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fi-FI"/>
    </w:rPr>
  </w:style>
  <w:style w:type="paragraph" w:styleId="Kuvaotsikko">
    <w:name w:val="caption"/>
    <w:basedOn w:val="Normaali"/>
    <w:next w:val="Normaali"/>
    <w:uiPriority w:val="3"/>
    <w:rsid w:val="008F324D"/>
    <w:rPr>
      <w:b/>
      <w:bCs/>
      <w:sz w:val="16"/>
    </w:rPr>
  </w:style>
  <w:style w:type="paragraph" w:styleId="Sisluet1">
    <w:name w:val="toc 1"/>
    <w:basedOn w:val="Normaali"/>
    <w:next w:val="Normaali"/>
    <w:uiPriority w:val="39"/>
    <w:semiHidden/>
    <w:rsid w:val="008F324D"/>
    <w:pPr>
      <w:ind w:right="567"/>
    </w:pPr>
    <w:rPr>
      <w:b/>
    </w:rPr>
  </w:style>
  <w:style w:type="paragraph" w:styleId="Sisluet2">
    <w:name w:val="toc 2"/>
    <w:basedOn w:val="Normaali"/>
    <w:next w:val="Normaali"/>
    <w:uiPriority w:val="39"/>
    <w:semiHidden/>
    <w:rsid w:val="008F324D"/>
    <w:pPr>
      <w:ind w:right="567"/>
    </w:pPr>
  </w:style>
  <w:style w:type="paragraph" w:styleId="Sisluet3">
    <w:name w:val="toc 3"/>
    <w:basedOn w:val="Normaali"/>
    <w:next w:val="Normaali"/>
    <w:uiPriority w:val="39"/>
    <w:semiHidden/>
    <w:rsid w:val="008F324D"/>
    <w:pPr>
      <w:ind w:right="567"/>
    </w:pPr>
  </w:style>
  <w:style w:type="paragraph" w:styleId="Sisluet4">
    <w:name w:val="toc 4"/>
    <w:basedOn w:val="Normaali"/>
    <w:next w:val="Normaali"/>
    <w:uiPriority w:val="39"/>
    <w:semiHidden/>
    <w:rsid w:val="008F324D"/>
    <w:pPr>
      <w:ind w:right="567"/>
    </w:pPr>
  </w:style>
  <w:style w:type="paragraph" w:styleId="Sisluet5">
    <w:name w:val="toc 5"/>
    <w:basedOn w:val="Normaali"/>
    <w:next w:val="Normaali"/>
    <w:uiPriority w:val="39"/>
    <w:semiHidden/>
    <w:rsid w:val="008F324D"/>
    <w:pPr>
      <w:ind w:right="567"/>
    </w:pPr>
  </w:style>
  <w:style w:type="paragraph" w:styleId="Sisluet6">
    <w:name w:val="toc 6"/>
    <w:basedOn w:val="Normaali"/>
    <w:next w:val="Normaali"/>
    <w:uiPriority w:val="39"/>
    <w:semiHidden/>
    <w:rsid w:val="008F324D"/>
    <w:pPr>
      <w:ind w:right="567"/>
    </w:pPr>
  </w:style>
  <w:style w:type="paragraph" w:styleId="Sisluet7">
    <w:name w:val="toc 7"/>
    <w:basedOn w:val="Normaali"/>
    <w:next w:val="Normaali"/>
    <w:uiPriority w:val="39"/>
    <w:semiHidden/>
    <w:rsid w:val="008F324D"/>
    <w:pPr>
      <w:ind w:right="567"/>
    </w:pPr>
  </w:style>
  <w:style w:type="paragraph" w:styleId="Sisluet8">
    <w:name w:val="toc 8"/>
    <w:basedOn w:val="Normaali"/>
    <w:next w:val="Normaali"/>
    <w:uiPriority w:val="39"/>
    <w:semiHidden/>
    <w:rsid w:val="008F324D"/>
    <w:pPr>
      <w:ind w:right="567"/>
    </w:pPr>
  </w:style>
  <w:style w:type="paragraph" w:styleId="Sisluet9">
    <w:name w:val="toc 9"/>
    <w:basedOn w:val="Normaali"/>
    <w:next w:val="Normaali"/>
    <w:uiPriority w:val="39"/>
    <w:semiHidden/>
    <w:rsid w:val="008F324D"/>
    <w:pPr>
      <w:ind w:right="567"/>
    </w:pPr>
  </w:style>
  <w:style w:type="paragraph" w:styleId="Sisllysluettelonotsikko">
    <w:name w:val="TOC Heading"/>
    <w:basedOn w:val="Normaali"/>
    <w:next w:val="Normaali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Lohkoteksti">
    <w:name w:val="Block Text"/>
    <w:basedOn w:val="Normaali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Loppuviitteenteksti">
    <w:name w:val="endnote text"/>
    <w:basedOn w:val="Normaali"/>
    <w:link w:val="Loppuviitteenteksti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LoppuviitteentekstiChar">
    <w:name w:val="Loppuviitteen teksti Char"/>
    <w:basedOn w:val="Kappaleenoletusfontti"/>
    <w:link w:val="Loppuviitteenteksti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fi-FI"/>
      <w14:ligatures w14:val="none"/>
    </w:rPr>
  </w:style>
  <w:style w:type="character" w:styleId="Loppuviitteenviite">
    <w:name w:val="endnote reference"/>
    <w:basedOn w:val="Kappaleenoletusfontti"/>
    <w:uiPriority w:val="21"/>
    <w:semiHidden/>
    <w:rsid w:val="008F324D"/>
    <w:rPr>
      <w:vertAlign w:val="superscript"/>
      <w:lang w:val="fi-FI"/>
    </w:rPr>
  </w:style>
  <w:style w:type="paragraph" w:styleId="Alaviitteenteksti">
    <w:name w:val="footnote text"/>
    <w:basedOn w:val="Normaali"/>
    <w:link w:val="Alaviitteenteksti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AlaviitteentekstiChar">
    <w:name w:val="Alaviitteen teksti Char"/>
    <w:basedOn w:val="Kappaleenoletusfontti"/>
    <w:link w:val="Alaviitteenteksti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fi-FI"/>
      <w14:ligatures w14:val="none"/>
    </w:rPr>
  </w:style>
  <w:style w:type="paragraph" w:styleId="Merkittyluettelo">
    <w:name w:val="List Bullet"/>
    <w:basedOn w:val="Normaali"/>
    <w:uiPriority w:val="2"/>
    <w:qFormat/>
    <w:rsid w:val="008F324D"/>
    <w:pPr>
      <w:numPr>
        <w:numId w:val="27"/>
      </w:numPr>
      <w:contextualSpacing/>
    </w:pPr>
  </w:style>
  <w:style w:type="paragraph" w:styleId="Numeroituluettelo">
    <w:name w:val="List Number"/>
    <w:basedOn w:val="Normaali"/>
    <w:uiPriority w:val="2"/>
    <w:qFormat/>
    <w:rsid w:val="008F324D"/>
    <w:pPr>
      <w:numPr>
        <w:numId w:val="32"/>
      </w:numPr>
      <w:contextualSpacing/>
    </w:pPr>
  </w:style>
  <w:style w:type="character" w:styleId="Sivunumero">
    <w:name w:val="page number"/>
    <w:basedOn w:val="Kappaleenoletusfontti"/>
    <w:rsid w:val="008F324D"/>
    <w:rPr>
      <w:lang w:val="fi-FI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:lang w:val="fi-FI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Lhdeluettelonotsikko">
    <w:name w:val="toa heading"/>
    <w:basedOn w:val="Normaali"/>
    <w:next w:val="Normaali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Kuvaotsikkoluettelo">
    <w:name w:val="table of figures"/>
    <w:basedOn w:val="Normaali"/>
    <w:next w:val="Normaali"/>
    <w:uiPriority w:val="10"/>
    <w:semiHidden/>
    <w:rsid w:val="008F324D"/>
    <w:pPr>
      <w:ind w:right="567"/>
    </w:pPr>
  </w:style>
  <w:style w:type="paragraph" w:styleId="Allekirjoitus">
    <w:name w:val="Signature"/>
    <w:basedOn w:val="Normaali"/>
    <w:link w:val="AllekirjoitusChar"/>
    <w:uiPriority w:val="99"/>
    <w:semiHidden/>
    <w:rsid w:val="008F324D"/>
    <w:pPr>
      <w:spacing w:line="240" w:lineRule="auto"/>
      <w:ind w:left="4252"/>
    </w:pPr>
  </w:style>
  <w:style w:type="character" w:customStyle="1" w:styleId="AllekirjoitusChar">
    <w:name w:val="Allekirjoitus Char"/>
    <w:basedOn w:val="Kappaleenoletusfontti"/>
    <w:link w:val="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:lang w:val="fi-FI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Lainaus">
    <w:name w:val="Quote"/>
    <w:basedOn w:val="Normaali"/>
    <w:next w:val="Normaali"/>
    <w:link w:val="Lainaus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LainausChar">
    <w:name w:val="Lainaus Char"/>
    <w:basedOn w:val="Kappaleenoletusfontti"/>
    <w:link w:val="Lainaus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fi-FI"/>
      <w14:ligatures w14:val="none"/>
    </w:rPr>
  </w:style>
  <w:style w:type="character" w:styleId="Kirjannimike">
    <w:name w:val="Book Title"/>
    <w:basedOn w:val="Kappaleenoletusfontti"/>
    <w:uiPriority w:val="99"/>
    <w:qFormat/>
    <w:rsid w:val="008F324D"/>
    <w:rPr>
      <w:b/>
      <w:bCs/>
      <w:caps w:val="0"/>
      <w:smallCaps w:val="0"/>
      <w:spacing w:val="5"/>
      <w:lang w:val="fi-FI"/>
    </w:rPr>
  </w:style>
  <w:style w:type="paragraph" w:styleId="Lhdeviiteluettelo">
    <w:name w:val="table of authorities"/>
    <w:basedOn w:val="Normaali"/>
    <w:next w:val="Normaali"/>
    <w:uiPriority w:val="10"/>
    <w:semiHidden/>
    <w:rsid w:val="008F324D"/>
    <w:pPr>
      <w:ind w:right="567"/>
    </w:pPr>
  </w:style>
  <w:style w:type="paragraph" w:styleId="Vakiosisennys">
    <w:name w:val="Normal Indent"/>
    <w:basedOn w:val="Normaali"/>
    <w:uiPriority w:val="99"/>
    <w:semiHidden/>
    <w:rsid w:val="008F324D"/>
    <w:pPr>
      <w:ind w:left="1134"/>
    </w:pPr>
  </w:style>
  <w:style w:type="table" w:styleId="TaulukkoRuudukko">
    <w:name w:val="Table Grid"/>
    <w:basedOn w:val="Normaalitaulukko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ali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ali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Normaalitaulukko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Eivli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RecipientAddress">
    <w:name w:val="Recipient Address"/>
    <w:basedOn w:val="Normaali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ali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ali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Seliteteksti">
    <w:name w:val="Balloon Text"/>
    <w:basedOn w:val="Normaali"/>
    <w:link w:val="Seliteteksti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SelitetekstiChar">
    <w:name w:val="Seliteteksti Char"/>
    <w:basedOn w:val="Kappaleenoletusfontti"/>
    <w:link w:val="Seliteteksti"/>
    <w:uiPriority w:val="99"/>
    <w:semiHidden/>
    <w:rsid w:val="008F324D"/>
    <w:rPr>
      <w:rFonts w:ascii="Segoe UI" w:hAnsi="Segoe UI" w:cs="Segoe UI"/>
      <w:kern w:val="0"/>
      <w:sz w:val="18"/>
      <w:szCs w:val="18"/>
      <w:lang w:val="fi-FI"/>
      <w14:ligatures w14:val="none"/>
    </w:rPr>
  </w:style>
  <w:style w:type="paragraph" w:styleId="Lhdeluettelo">
    <w:name w:val="Bibliography"/>
    <w:basedOn w:val="Normaali"/>
    <w:next w:val="Normaali"/>
    <w:uiPriority w:val="99"/>
    <w:semiHidden/>
    <w:rsid w:val="008F324D"/>
  </w:style>
  <w:style w:type="paragraph" w:styleId="Leipteksti">
    <w:name w:val="Body Text"/>
    <w:basedOn w:val="Normaali"/>
    <w:link w:val="LeiptekstiChar"/>
    <w:uiPriority w:val="99"/>
    <w:semiHidden/>
    <w:rsid w:val="008F324D"/>
    <w:pPr>
      <w:spacing w:after="120"/>
    </w:pPr>
  </w:style>
  <w:style w:type="character" w:customStyle="1" w:styleId="LeiptekstiChar">
    <w:name w:val="Leipäteksti Char"/>
    <w:basedOn w:val="Kappaleenoletusfontti"/>
    <w:link w:val="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2">
    <w:name w:val="Body Text 2"/>
    <w:basedOn w:val="Normaali"/>
    <w:link w:val="Leipteksti2Char"/>
    <w:uiPriority w:val="99"/>
    <w:semiHidden/>
    <w:rsid w:val="008F324D"/>
    <w:pPr>
      <w:spacing w:after="120" w:line="480" w:lineRule="auto"/>
    </w:pPr>
  </w:style>
  <w:style w:type="character" w:customStyle="1" w:styleId="Leipteksti2Char">
    <w:name w:val="Leipäteksti 2 Char"/>
    <w:basedOn w:val="Kappaleenoletusfontti"/>
    <w:link w:val="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3">
    <w:name w:val="Body Text 3"/>
    <w:basedOn w:val="Normaali"/>
    <w:link w:val="Leipteksti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Leipteksti3Char">
    <w:name w:val="Leipäteksti 3 Char"/>
    <w:basedOn w:val="Kappaleenoletusfontti"/>
    <w:link w:val="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eiptekstin1rivinsisennys">
    <w:name w:val="Body Text First Indent"/>
    <w:basedOn w:val="Leipteksti"/>
    <w:link w:val="Leiptekstin1rivinsisennysChar"/>
    <w:uiPriority w:val="99"/>
    <w:semiHidden/>
    <w:rsid w:val="008F324D"/>
    <w:pPr>
      <w:spacing w:after="0"/>
      <w:ind w:firstLine="360"/>
    </w:pPr>
  </w:style>
  <w:style w:type="character" w:customStyle="1" w:styleId="Leiptekstin1rivinsisennysChar">
    <w:name w:val="Leipätekstin 1. rivin sisennys Char"/>
    <w:basedOn w:val="LeiptekstiChar"/>
    <w:link w:val="Leiptekstin1rivinsisenn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">
    <w:name w:val="Body Text Indent"/>
    <w:basedOn w:val="Normaali"/>
    <w:link w:val="SisennettyleiptekstiChar"/>
    <w:uiPriority w:val="99"/>
    <w:semiHidden/>
    <w:rsid w:val="008F324D"/>
    <w:pPr>
      <w:spacing w:after="120"/>
      <w:ind w:left="283"/>
    </w:pPr>
  </w:style>
  <w:style w:type="character" w:customStyle="1" w:styleId="SisennettyleiptekstiChar">
    <w:name w:val="Sisennetty leipäteksti Char"/>
    <w:basedOn w:val="Kappaleenoletusfontti"/>
    <w:link w:val="Sisennetty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n1rivinsisennys2">
    <w:name w:val="Body Text First Indent 2"/>
    <w:basedOn w:val="Sisennettyleipteksti"/>
    <w:link w:val="Leiptekstin1rivinsisennys2Char"/>
    <w:uiPriority w:val="99"/>
    <w:semiHidden/>
    <w:rsid w:val="008F324D"/>
    <w:pPr>
      <w:spacing w:after="0"/>
      <w:ind w:left="360" w:firstLine="360"/>
    </w:pPr>
  </w:style>
  <w:style w:type="character" w:customStyle="1" w:styleId="Leiptekstin1rivinsisennys2Char">
    <w:name w:val="Leipätekstin 1. rivin sisennys 2 Char"/>
    <w:basedOn w:val="SisennettyleiptekstiChar"/>
    <w:link w:val="Leiptekstin1rivinsisennys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2">
    <w:name w:val="Body Text Indent 2"/>
    <w:basedOn w:val="Normaali"/>
    <w:link w:val="Sisennettyleipteksti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Sisennettyleipteksti2Char">
    <w:name w:val="Sisennetty leipäteksti 2 Char"/>
    <w:basedOn w:val="Kappaleenoletusfontti"/>
    <w:link w:val="Sisennetty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3">
    <w:name w:val="Body Text Indent 3"/>
    <w:basedOn w:val="Normaali"/>
    <w:link w:val="Sisennettyleipteksti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Sisennettyleipteksti3Char">
    <w:name w:val="Sisennetty leipäteksti 3 Char"/>
    <w:basedOn w:val="Kappaleenoletusfontti"/>
    <w:link w:val="Sisennetty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opetus">
    <w:name w:val="Closing"/>
    <w:basedOn w:val="Normaali"/>
    <w:link w:val="LopetusChar"/>
    <w:uiPriority w:val="99"/>
    <w:semiHidden/>
    <w:rsid w:val="008F324D"/>
    <w:pPr>
      <w:spacing w:line="240" w:lineRule="auto"/>
      <w:ind w:left="4252"/>
    </w:pPr>
  </w:style>
  <w:style w:type="character" w:customStyle="1" w:styleId="LopetusChar">
    <w:name w:val="Lopetus Char"/>
    <w:basedOn w:val="Kappaleenoletusfontti"/>
    <w:link w:val="Lope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Vriksruudukko">
    <w:name w:val="Colorful Grid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Vriksruudukko-korostus1">
    <w:name w:val="Colorful Grid Accent 1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Vriksruudukko-korostus2">
    <w:name w:val="Colorful Grid Accent 2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Vriksruudukko-korostus3">
    <w:name w:val="Colorful Grid Accent 3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ruudukko-korostus4">
    <w:name w:val="Colorful Grid Accent 4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Vriksruudukko-korostus5">
    <w:name w:val="Colorful Grid Accent 5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Vriksruudukko-korostus6">
    <w:name w:val="Colorful Grid Accent 6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Vriksluettelo">
    <w:name w:val="Colorful List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-korostus1">
    <w:name w:val="Colorful List Accent 1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-korostus2">
    <w:name w:val="Colorful List Accent 2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-korostus3">
    <w:name w:val="Colorful List Accent 3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-korostus4">
    <w:name w:val="Colorful List Accent 4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-korostus5">
    <w:name w:val="Colorful List Accent 5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-korostus6">
    <w:name w:val="Colorful List Accent 6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varjostus">
    <w:name w:val="Colorful Shading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1">
    <w:name w:val="Colorful Shading Accent 1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2">
    <w:name w:val="Colorful Shading Accent 2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3">
    <w:name w:val="Colorful Shading Accent 3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varjostus-korostus4">
    <w:name w:val="Colorful Shading Accent 4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5">
    <w:name w:val="Colorful Shading Accent 5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6">
    <w:name w:val="Colorful Shading Accent 6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inviite">
    <w:name w:val="annotation reference"/>
    <w:basedOn w:val="Kappaleenoletusfontti"/>
    <w:uiPriority w:val="99"/>
    <w:semiHidden/>
    <w:rsid w:val="008F324D"/>
    <w:rPr>
      <w:sz w:val="16"/>
      <w:szCs w:val="16"/>
      <w:lang w:val="fi-FI"/>
    </w:rPr>
  </w:style>
  <w:style w:type="paragraph" w:styleId="Kommentinteksti">
    <w:name w:val="annotation text"/>
    <w:basedOn w:val="Normaali"/>
    <w:link w:val="Kommentinteksti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KommentintekstiChar">
    <w:name w:val="Kommentin teksti Char"/>
    <w:basedOn w:val="Kappaleenoletusfontti"/>
    <w:link w:val="Kommentinteksti"/>
    <w:uiPriority w:val="99"/>
    <w:semiHidden/>
    <w:rsid w:val="008F324D"/>
    <w:rPr>
      <w:rFonts w:ascii="Verdana" w:hAnsi="Verdana"/>
      <w:kern w:val="0"/>
      <w:sz w:val="20"/>
      <w:szCs w:val="20"/>
      <w:lang w:val="fi-FI"/>
      <w14:ligatures w14:val="none"/>
    </w:rPr>
  </w:style>
  <w:style w:type="paragraph" w:styleId="Kommentinotsikko">
    <w:name w:val="annotation subject"/>
    <w:basedOn w:val="Kommentinteksti"/>
    <w:next w:val="Kommentinteksti"/>
    <w:link w:val="KommentinotsikkoChar"/>
    <w:uiPriority w:val="99"/>
    <w:semiHidden/>
    <w:rsid w:val="008F324D"/>
    <w:rPr>
      <w:b/>
      <w:bCs/>
    </w:rPr>
  </w:style>
  <w:style w:type="character" w:customStyle="1" w:styleId="KommentinotsikkoChar">
    <w:name w:val="Kommentin otsikko Char"/>
    <w:basedOn w:val="KommentintekstiChar"/>
    <w:link w:val="Kommentinotsikko"/>
    <w:uiPriority w:val="99"/>
    <w:semiHidden/>
    <w:rsid w:val="008F324D"/>
    <w:rPr>
      <w:rFonts w:ascii="Verdana" w:hAnsi="Verdana"/>
      <w:b/>
      <w:bCs/>
      <w:kern w:val="0"/>
      <w:sz w:val="20"/>
      <w:szCs w:val="20"/>
      <w:lang w:val="fi-FI"/>
      <w14:ligatures w14:val="none"/>
    </w:rPr>
  </w:style>
  <w:style w:type="table" w:styleId="Tummaluettelo">
    <w:name w:val="Dark List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ummaluettelo-korostus1">
    <w:name w:val="Dark List Accent 1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Tummaluettelo-korostus2">
    <w:name w:val="Dark List Accent 2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Tummaluettelo-korostus3">
    <w:name w:val="Dark List Accent 3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Tummaluettelo-korostus4">
    <w:name w:val="Dark List Accent 4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Tummaluettelo-korostus5">
    <w:name w:val="Dark List Accent 5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Tummaluettelo-korostus6">
    <w:name w:val="Dark List Accent 6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Pivmr">
    <w:name w:val="Date"/>
    <w:basedOn w:val="Normaali"/>
    <w:next w:val="Normaali"/>
    <w:link w:val="PivmrChar"/>
    <w:uiPriority w:val="99"/>
    <w:semiHidden/>
    <w:rsid w:val="008F324D"/>
  </w:style>
  <w:style w:type="character" w:customStyle="1" w:styleId="PivmrChar">
    <w:name w:val="Päivämäärä Char"/>
    <w:basedOn w:val="Kappaleenoletusfontti"/>
    <w:link w:val="Pivmr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Asiakirjanrakenneruutu">
    <w:name w:val="Document Map"/>
    <w:basedOn w:val="Normaali"/>
    <w:link w:val="Asiakirjanrakenneruutu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AsiakirjanrakenneruutuChar">
    <w:name w:val="Asiakirjan rakenneruutu Char"/>
    <w:basedOn w:val="Kappaleenoletusfontti"/>
    <w:link w:val="Asiakirjanrakenneruutu"/>
    <w:uiPriority w:val="99"/>
    <w:semiHidden/>
    <w:rsid w:val="008F324D"/>
    <w:rPr>
      <w:rFonts w:ascii="Segoe UI" w:hAnsi="Segoe UI" w:cs="Segoe UI"/>
      <w:kern w:val="0"/>
      <w:sz w:val="16"/>
      <w:szCs w:val="16"/>
      <w:lang w:val="fi-FI"/>
      <w14:ligatures w14:val="none"/>
    </w:rPr>
  </w:style>
  <w:style w:type="paragraph" w:styleId="Viestinallekirjoitus">
    <w:name w:val="E-mail Signature"/>
    <w:basedOn w:val="Normaali"/>
    <w:link w:val="ViestinallekirjoitusChar"/>
    <w:uiPriority w:val="99"/>
    <w:semiHidden/>
    <w:rsid w:val="008F324D"/>
    <w:pPr>
      <w:spacing w:line="240" w:lineRule="auto"/>
    </w:pPr>
  </w:style>
  <w:style w:type="character" w:customStyle="1" w:styleId="ViestinallekirjoitusChar">
    <w:name w:val="Viestin allekirjoitus Char"/>
    <w:basedOn w:val="Kappaleenoletusfontti"/>
    <w:link w:val="Viestin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styleId="Korostus">
    <w:name w:val="Emphasis"/>
    <w:basedOn w:val="Kappaleenoletusfontti"/>
    <w:uiPriority w:val="19"/>
    <w:rsid w:val="008F324D"/>
    <w:rPr>
      <w:i/>
      <w:iCs/>
      <w:lang w:val="fi-FI"/>
    </w:rPr>
  </w:style>
  <w:style w:type="paragraph" w:styleId="Kirjekuorenosoite">
    <w:name w:val="envelope address"/>
    <w:basedOn w:val="Normaali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Kirjekuorenpalautusosoite">
    <w:name w:val="envelope return"/>
    <w:basedOn w:val="Normaali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AvattuHyperlinkki">
    <w:name w:val="FollowedHyperlink"/>
    <w:basedOn w:val="Kappaleenoletusfontti"/>
    <w:uiPriority w:val="21"/>
    <w:semiHidden/>
    <w:rsid w:val="008F324D"/>
    <w:rPr>
      <w:color w:val="CCEBFD" w:themeColor="followedHyperlink"/>
      <w:u w:val="single"/>
      <w:lang w:val="fi-FI"/>
    </w:rPr>
  </w:style>
  <w:style w:type="character" w:styleId="Alaviitteenviite">
    <w:name w:val="footnote reference"/>
    <w:basedOn w:val="Kappaleenoletusfontti"/>
    <w:uiPriority w:val="21"/>
    <w:semiHidden/>
    <w:rsid w:val="008F324D"/>
    <w:rPr>
      <w:vertAlign w:val="superscript"/>
      <w:lang w:val="fi-FI"/>
    </w:rPr>
  </w:style>
  <w:style w:type="table" w:styleId="Vaalearuudukkotaulukko1">
    <w:name w:val="Grid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1">
    <w:name w:val="Grid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2">
    <w:name w:val="Grid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3">
    <w:name w:val="Grid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4">
    <w:name w:val="Grid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5">
    <w:name w:val="Grid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6">
    <w:name w:val="Grid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udukkotaulukko2">
    <w:name w:val="Grid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2-korostus1">
    <w:name w:val="Grid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2-korostus2">
    <w:name w:val="Grid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2-korostus3">
    <w:name w:val="Grid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2-korostus4">
    <w:name w:val="Grid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2-korostus5">
    <w:name w:val="Grid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2-korostus6">
    <w:name w:val="Grid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Ruudukkotaulukko3">
    <w:name w:val="Grid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udukkotaulukko3-korostus1">
    <w:name w:val="Grid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Ruudukkotaulukko3-korostus2">
    <w:name w:val="Grid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Ruudukkotaulukko3-korostus3">
    <w:name w:val="Grid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Ruudukkotaulukko3-korostus4">
    <w:name w:val="Grid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Ruudukkotaulukko3-korostus5">
    <w:name w:val="Grid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Ruudukkotaulukko3-korostus6">
    <w:name w:val="Grid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Ruudukkotaulukko4">
    <w:name w:val="Grid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4-korostus1">
    <w:name w:val="Grid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4-korostus2">
    <w:name w:val="Grid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4-korostus3">
    <w:name w:val="Grid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4-korostus4">
    <w:name w:val="Grid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4-korostus5">
    <w:name w:val="Grid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4-korostus6">
    <w:name w:val="Grid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ruudukkotaulukko5">
    <w:name w:val="Grid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ummaruudukkotaulukko5-korostus1">
    <w:name w:val="Grid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Tummaruudukkotaulukko5-korostus2">
    <w:name w:val="Grid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Tummaruudukkotaulukko5-korostus3">
    <w:name w:val="Grid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Tummaruudukkotaulukko5-korostus4">
    <w:name w:val="Grid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Tummaruudukkotaulukko5-korostus5">
    <w:name w:val="Grid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Tummaruudukkotaulukko5-korostus6">
    <w:name w:val="Grid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Vriksruudukkotaulukko6">
    <w:name w:val="Grid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ruudukkotaulukko6-korostus1">
    <w:name w:val="Grid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ruudukkotaulukko6-korostus2">
    <w:name w:val="Grid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ruudukkotaulukko6-korostus3">
    <w:name w:val="Grid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ruudukkotaulukko6-korostus4">
    <w:name w:val="Grid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ruudukkotaulukko6-korostus5">
    <w:name w:val="Grid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ruudukkotaulukko6-korostus6">
    <w:name w:val="Grid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ruudukkotaulukko7">
    <w:name w:val="Grid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Vriksruudukkotaulukko7-korostus1">
    <w:name w:val="Grid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Vriksruudukkotaulukko7-korostus2">
    <w:name w:val="Grid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Vriksruudukkotaulukko7-korostus3">
    <w:name w:val="Grid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Vriksruudukkotaulukko7-korostus4">
    <w:name w:val="Grid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Vriksruudukkotaulukko7-korostus5">
    <w:name w:val="Grid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Vriksruudukkotaulukko7-korostus6">
    <w:name w:val="Grid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character" w:styleId="HTML-akronyymi">
    <w:name w:val="HTML Acronym"/>
    <w:basedOn w:val="Kappaleenoletusfontti"/>
    <w:uiPriority w:val="99"/>
    <w:semiHidden/>
    <w:rsid w:val="008F324D"/>
    <w:rPr>
      <w:lang w:val="fi-FI"/>
    </w:rPr>
  </w:style>
  <w:style w:type="paragraph" w:styleId="HTML-osoite">
    <w:name w:val="HTML Address"/>
    <w:basedOn w:val="Normaali"/>
    <w:link w:val="HTML-osoite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-osoiteChar">
    <w:name w:val="HTML-osoite Char"/>
    <w:basedOn w:val="Kappaleenoletusfontti"/>
    <w:link w:val="HTML-osoite"/>
    <w:uiPriority w:val="99"/>
    <w:semiHidden/>
    <w:rsid w:val="008F324D"/>
    <w:rPr>
      <w:rFonts w:ascii="Verdana" w:hAnsi="Verdana"/>
      <w:i/>
      <w:iCs/>
      <w:kern w:val="0"/>
      <w:sz w:val="18"/>
      <w:szCs w:val="18"/>
      <w:lang w:val="fi-FI"/>
      <w14:ligatures w14:val="none"/>
    </w:rPr>
  </w:style>
  <w:style w:type="character" w:styleId="HTML-lainaus">
    <w:name w:val="HTML Cite"/>
    <w:basedOn w:val="Kappaleenoletusfontti"/>
    <w:uiPriority w:val="99"/>
    <w:semiHidden/>
    <w:rsid w:val="008F324D"/>
    <w:rPr>
      <w:i/>
      <w:iCs/>
      <w:lang w:val="fi-FI"/>
    </w:rPr>
  </w:style>
  <w:style w:type="character" w:styleId="HTML-koodi">
    <w:name w:val="HTML Code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rittely">
    <w:name w:val="HTML Definition"/>
    <w:basedOn w:val="Kappaleenoletusfontti"/>
    <w:uiPriority w:val="99"/>
    <w:semiHidden/>
    <w:rsid w:val="008F324D"/>
    <w:rPr>
      <w:i/>
      <w:iCs/>
      <w:lang w:val="fi-FI"/>
    </w:rPr>
  </w:style>
  <w:style w:type="character" w:styleId="HTML-nppimist">
    <w:name w:val="HTML Keyboard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paragraph" w:styleId="HTML-esimuotoiltu">
    <w:name w:val="HTML Preformatted"/>
    <w:basedOn w:val="Normaali"/>
    <w:link w:val="HTML-esimuotoiltu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-esimuotoiltuChar">
    <w:name w:val="HTML-esimuotoiltu Char"/>
    <w:basedOn w:val="Kappaleenoletusfontti"/>
    <w:link w:val="HTML-esimuotoiltu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character" w:styleId="HTML-malli">
    <w:name w:val="HTML Sample"/>
    <w:basedOn w:val="Kappaleenoletusfontti"/>
    <w:uiPriority w:val="99"/>
    <w:semiHidden/>
    <w:rsid w:val="008F324D"/>
    <w:rPr>
      <w:rFonts w:ascii="Consolas" w:hAnsi="Consolas"/>
      <w:sz w:val="24"/>
      <w:szCs w:val="24"/>
      <w:lang w:val="fi-FI"/>
    </w:rPr>
  </w:style>
  <w:style w:type="character" w:styleId="HTML-kirjoituskone">
    <w:name w:val="HTML Typewriter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uuttuja">
    <w:name w:val="HTML Variable"/>
    <w:basedOn w:val="Kappaleenoletusfontti"/>
    <w:uiPriority w:val="99"/>
    <w:semiHidden/>
    <w:rsid w:val="008F324D"/>
    <w:rPr>
      <w:i/>
      <w:iCs/>
      <w:lang w:val="fi-FI"/>
    </w:rPr>
  </w:style>
  <w:style w:type="character" w:styleId="Hyperlinkki">
    <w:name w:val="Hyperlink"/>
    <w:basedOn w:val="Kappaleenoletusfontti"/>
    <w:uiPriority w:val="21"/>
    <w:semiHidden/>
    <w:rsid w:val="008F324D"/>
    <w:rPr>
      <w:color w:val="009DF0" w:themeColor="hyperlink"/>
      <w:u w:val="single"/>
      <w:lang w:val="fi-FI"/>
    </w:rPr>
  </w:style>
  <w:style w:type="paragraph" w:styleId="Hakemisto1">
    <w:name w:val="index 1"/>
    <w:basedOn w:val="Normaali"/>
    <w:next w:val="Normaali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Hakemisto2">
    <w:name w:val="index 2"/>
    <w:basedOn w:val="Normaali"/>
    <w:next w:val="Normaali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Hakemisto3">
    <w:name w:val="index 3"/>
    <w:basedOn w:val="Normaali"/>
    <w:next w:val="Normaali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Hakemisto4">
    <w:name w:val="index 4"/>
    <w:basedOn w:val="Normaali"/>
    <w:next w:val="Normaali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Hakemisto5">
    <w:name w:val="index 5"/>
    <w:basedOn w:val="Normaali"/>
    <w:next w:val="Normaali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Hakemisto6">
    <w:name w:val="index 6"/>
    <w:basedOn w:val="Normaali"/>
    <w:next w:val="Normaali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Hakemisto7">
    <w:name w:val="index 7"/>
    <w:basedOn w:val="Normaali"/>
    <w:next w:val="Normaali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Hakemisto8">
    <w:name w:val="index 8"/>
    <w:basedOn w:val="Normaali"/>
    <w:next w:val="Normaali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Hakemisto9">
    <w:name w:val="index 9"/>
    <w:basedOn w:val="Normaali"/>
    <w:next w:val="Normaali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Hakemistonotsikko">
    <w:name w:val="index heading"/>
    <w:basedOn w:val="Normaali"/>
    <w:next w:val="Hakemisto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Vaalearuudukko">
    <w:name w:val="Light Grid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Vaalearuudukko-korostus1">
    <w:name w:val="Light Grid Accent 1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Vaalearuudukko-korostus2">
    <w:name w:val="Light Grid Accent 2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Vaalearuudukko-korostus3">
    <w:name w:val="Light Grid Accent 3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Vaalearuudukko-korostus4">
    <w:name w:val="Light Grid Accent 4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Vaalearuudukko-korostus5">
    <w:name w:val="Light Grid Accent 5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Vaalearuudukko-korostus6">
    <w:name w:val="Light Grid Accent 6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Vaalealuettelo">
    <w:name w:val="Light List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Vaalealuettelo-korostus1">
    <w:name w:val="Light List Accent 1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Vaalealuettelo-korostus2">
    <w:name w:val="Light List Accent 2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Vaalealuettelo-korostus3">
    <w:name w:val="Light List Accent 3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Vaalealuettelo-korostus4">
    <w:name w:val="Light List Accent 4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Vaalealuettelo-korostus5">
    <w:name w:val="Light List Accent 5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Vaalealuettelo-korostus6">
    <w:name w:val="Light List Accent 6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Vaaleavarjostus">
    <w:name w:val="Light Shading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Vaaleavarjostus-korostus1">
    <w:name w:val="Light Shading Accent 1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Vaaleavarjostus-korostus2">
    <w:name w:val="Light Shading Accent 2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Vaaleavarjostus-korostus3">
    <w:name w:val="Light Shading Accent 3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Vaaleavarjostus-korostus4">
    <w:name w:val="Light Shading Accent 4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Vaaleavarjostus-korostus5">
    <w:name w:val="Light Shading Accent 5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Vaaleavarjostus-korostus6">
    <w:name w:val="Light Shading Accent 6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Rivinumero">
    <w:name w:val="line number"/>
    <w:basedOn w:val="Kappaleenoletusfontti"/>
    <w:uiPriority w:val="99"/>
    <w:semiHidden/>
    <w:rsid w:val="008F324D"/>
    <w:rPr>
      <w:lang w:val="fi-FI"/>
    </w:rPr>
  </w:style>
  <w:style w:type="paragraph" w:styleId="Luettelo">
    <w:name w:val="List"/>
    <w:basedOn w:val="Normaali"/>
    <w:uiPriority w:val="99"/>
    <w:semiHidden/>
    <w:rsid w:val="008F324D"/>
    <w:pPr>
      <w:ind w:left="283" w:hanging="283"/>
      <w:contextualSpacing/>
    </w:pPr>
  </w:style>
  <w:style w:type="paragraph" w:styleId="Luettelo2">
    <w:name w:val="List 2"/>
    <w:basedOn w:val="Normaali"/>
    <w:uiPriority w:val="99"/>
    <w:semiHidden/>
    <w:rsid w:val="008F324D"/>
    <w:pPr>
      <w:ind w:left="566" w:hanging="283"/>
      <w:contextualSpacing/>
    </w:pPr>
  </w:style>
  <w:style w:type="paragraph" w:styleId="Luettelo3">
    <w:name w:val="List 3"/>
    <w:basedOn w:val="Normaali"/>
    <w:uiPriority w:val="99"/>
    <w:semiHidden/>
    <w:rsid w:val="008F324D"/>
    <w:pPr>
      <w:ind w:left="849" w:hanging="283"/>
      <w:contextualSpacing/>
    </w:pPr>
  </w:style>
  <w:style w:type="paragraph" w:styleId="Luettelo4">
    <w:name w:val="List 4"/>
    <w:basedOn w:val="Normaali"/>
    <w:uiPriority w:val="99"/>
    <w:semiHidden/>
    <w:rsid w:val="008F324D"/>
    <w:pPr>
      <w:ind w:left="1132" w:hanging="283"/>
      <w:contextualSpacing/>
    </w:pPr>
  </w:style>
  <w:style w:type="paragraph" w:styleId="Luettelo5">
    <w:name w:val="List 5"/>
    <w:basedOn w:val="Normaali"/>
    <w:uiPriority w:val="99"/>
    <w:semiHidden/>
    <w:rsid w:val="008F324D"/>
    <w:pPr>
      <w:ind w:left="1415" w:hanging="283"/>
      <w:contextualSpacing/>
    </w:pPr>
  </w:style>
  <w:style w:type="paragraph" w:styleId="Merkittyluettelo2">
    <w:name w:val="List Bullet 2"/>
    <w:basedOn w:val="Normaali"/>
    <w:uiPriority w:val="99"/>
    <w:semiHidden/>
    <w:rsid w:val="008F324D"/>
    <w:pPr>
      <w:numPr>
        <w:numId w:val="28"/>
      </w:numPr>
      <w:contextualSpacing/>
    </w:pPr>
  </w:style>
  <w:style w:type="paragraph" w:styleId="Merkittyluettelo3">
    <w:name w:val="List Bullet 3"/>
    <w:basedOn w:val="Normaali"/>
    <w:uiPriority w:val="99"/>
    <w:semiHidden/>
    <w:rsid w:val="008F324D"/>
    <w:pPr>
      <w:numPr>
        <w:numId w:val="29"/>
      </w:numPr>
      <w:contextualSpacing/>
    </w:pPr>
  </w:style>
  <w:style w:type="paragraph" w:styleId="Merkittyluettelo4">
    <w:name w:val="List Bullet 4"/>
    <w:basedOn w:val="Normaali"/>
    <w:uiPriority w:val="99"/>
    <w:semiHidden/>
    <w:rsid w:val="008F324D"/>
    <w:pPr>
      <w:numPr>
        <w:numId w:val="30"/>
      </w:numPr>
      <w:contextualSpacing/>
    </w:pPr>
  </w:style>
  <w:style w:type="paragraph" w:styleId="Merkittyluettelo5">
    <w:name w:val="List Bullet 5"/>
    <w:basedOn w:val="Normaali"/>
    <w:uiPriority w:val="99"/>
    <w:semiHidden/>
    <w:rsid w:val="008F324D"/>
    <w:pPr>
      <w:numPr>
        <w:numId w:val="31"/>
      </w:numPr>
      <w:contextualSpacing/>
    </w:pPr>
  </w:style>
  <w:style w:type="paragraph" w:styleId="Jatkoluettelo">
    <w:name w:val="List Continue"/>
    <w:basedOn w:val="Normaali"/>
    <w:uiPriority w:val="99"/>
    <w:semiHidden/>
    <w:rsid w:val="008F324D"/>
    <w:pPr>
      <w:spacing w:after="120"/>
      <w:ind w:left="283"/>
      <w:contextualSpacing/>
    </w:pPr>
  </w:style>
  <w:style w:type="paragraph" w:styleId="Jatkoluettelo2">
    <w:name w:val="List Continue 2"/>
    <w:basedOn w:val="Normaali"/>
    <w:uiPriority w:val="99"/>
    <w:semiHidden/>
    <w:rsid w:val="008F324D"/>
    <w:pPr>
      <w:spacing w:after="120"/>
      <w:ind w:left="566"/>
      <w:contextualSpacing/>
    </w:pPr>
  </w:style>
  <w:style w:type="paragraph" w:styleId="Jatkoluettelo3">
    <w:name w:val="List Continue 3"/>
    <w:basedOn w:val="Normaali"/>
    <w:uiPriority w:val="99"/>
    <w:semiHidden/>
    <w:rsid w:val="008F324D"/>
    <w:pPr>
      <w:spacing w:after="120"/>
      <w:ind w:left="849"/>
      <w:contextualSpacing/>
    </w:pPr>
  </w:style>
  <w:style w:type="paragraph" w:styleId="Jatkoluettelo4">
    <w:name w:val="List Continue 4"/>
    <w:basedOn w:val="Normaali"/>
    <w:uiPriority w:val="99"/>
    <w:semiHidden/>
    <w:rsid w:val="008F324D"/>
    <w:pPr>
      <w:spacing w:after="120"/>
      <w:ind w:left="1132"/>
      <w:contextualSpacing/>
    </w:pPr>
  </w:style>
  <w:style w:type="paragraph" w:styleId="Jatkoluettelo5">
    <w:name w:val="List Continue 5"/>
    <w:basedOn w:val="Normaali"/>
    <w:uiPriority w:val="99"/>
    <w:semiHidden/>
    <w:rsid w:val="008F324D"/>
    <w:pPr>
      <w:spacing w:after="120"/>
      <w:ind w:left="1415"/>
      <w:contextualSpacing/>
    </w:pPr>
  </w:style>
  <w:style w:type="paragraph" w:styleId="Numeroituluettelo2">
    <w:name w:val="List Number 2"/>
    <w:basedOn w:val="Normaali"/>
    <w:uiPriority w:val="99"/>
    <w:semiHidden/>
    <w:rsid w:val="008F324D"/>
    <w:pPr>
      <w:numPr>
        <w:numId w:val="33"/>
      </w:numPr>
      <w:contextualSpacing/>
    </w:pPr>
  </w:style>
  <w:style w:type="paragraph" w:styleId="Numeroituluettelo3">
    <w:name w:val="List Number 3"/>
    <w:basedOn w:val="Normaali"/>
    <w:uiPriority w:val="99"/>
    <w:semiHidden/>
    <w:rsid w:val="008F324D"/>
    <w:pPr>
      <w:numPr>
        <w:numId w:val="34"/>
      </w:numPr>
      <w:contextualSpacing/>
    </w:pPr>
  </w:style>
  <w:style w:type="paragraph" w:styleId="Numeroituluettelo4">
    <w:name w:val="List Number 4"/>
    <w:basedOn w:val="Normaali"/>
    <w:uiPriority w:val="99"/>
    <w:semiHidden/>
    <w:rsid w:val="008F324D"/>
    <w:pPr>
      <w:numPr>
        <w:numId w:val="35"/>
      </w:numPr>
      <w:contextualSpacing/>
    </w:pPr>
  </w:style>
  <w:style w:type="paragraph" w:styleId="Numeroituluettelo5">
    <w:name w:val="List Number 5"/>
    <w:basedOn w:val="Normaali"/>
    <w:uiPriority w:val="99"/>
    <w:semiHidden/>
    <w:rsid w:val="008F324D"/>
    <w:pPr>
      <w:numPr>
        <w:numId w:val="36"/>
      </w:numPr>
      <w:contextualSpacing/>
    </w:pPr>
  </w:style>
  <w:style w:type="paragraph" w:styleId="Luettelokappale">
    <w:name w:val="List Paragraph"/>
    <w:basedOn w:val="Normaali"/>
    <w:uiPriority w:val="99"/>
    <w:rsid w:val="008F324D"/>
    <w:pPr>
      <w:ind w:left="720"/>
      <w:contextualSpacing/>
    </w:pPr>
  </w:style>
  <w:style w:type="table" w:styleId="Vaalealuettelotaulukko1">
    <w:name w:val="List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aalealuettelotaulukko1-korostus1">
    <w:name w:val="List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aalealuettelotaulukko1-korostus2">
    <w:name w:val="List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aalealuettelotaulukko1-korostus3">
    <w:name w:val="List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aalealuettelotaulukko1-korostus4">
    <w:name w:val="List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aalealuettelotaulukko1-korostus5">
    <w:name w:val="List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aalealuettelotaulukko1-korostus6">
    <w:name w:val="List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2">
    <w:name w:val="List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2-korostus1">
    <w:name w:val="List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2-korostus2">
    <w:name w:val="List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2-korostus3">
    <w:name w:val="List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2-korostus4">
    <w:name w:val="List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2-korostus5">
    <w:name w:val="List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2-korostus6">
    <w:name w:val="List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3">
    <w:name w:val="List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uettelotaulukko3-korostus1">
    <w:name w:val="List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uettelotaulukko3-korostus2">
    <w:name w:val="List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uettelotaulukko3-korostus3">
    <w:name w:val="List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uettelotaulukko3-korostus4">
    <w:name w:val="List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uettelotaulukko3-korostus5">
    <w:name w:val="List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uettelotaulukko3-korostus6">
    <w:name w:val="List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uettelotaulukko4">
    <w:name w:val="List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4-korostus1">
    <w:name w:val="List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4-korostus2">
    <w:name w:val="List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4-korostus3">
    <w:name w:val="List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4-korostus4">
    <w:name w:val="List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4-korostus5">
    <w:name w:val="List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4-korostus6">
    <w:name w:val="List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luettelotaulukko5">
    <w:name w:val="List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1">
    <w:name w:val="List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2">
    <w:name w:val="List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3">
    <w:name w:val="List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4">
    <w:name w:val="List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5">
    <w:name w:val="List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6">
    <w:name w:val="List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Vriksluettelotaulukko6">
    <w:name w:val="List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taulukko6-korostus1">
    <w:name w:val="List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taulukko6-korostus2">
    <w:name w:val="List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taulukko6-korostus3">
    <w:name w:val="List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taulukko6-korostus4">
    <w:name w:val="List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taulukko6-korostus5">
    <w:name w:val="List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taulukko6-korostus6">
    <w:name w:val="List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luettelotaulukko7">
    <w:name w:val="List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1">
    <w:name w:val="List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2">
    <w:name w:val="List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3">
    <w:name w:val="List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4">
    <w:name w:val="List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5">
    <w:name w:val="List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6">
    <w:name w:val="List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i">
    <w:name w:val="macro"/>
    <w:link w:val="Makroteksti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:lang w:val="fi-FI"/>
      <w14:ligatures w14:val="none"/>
    </w:rPr>
  </w:style>
  <w:style w:type="character" w:customStyle="1" w:styleId="MakrotekstiChar">
    <w:name w:val="Makroteksti Char"/>
    <w:basedOn w:val="Kappaleenoletusfontti"/>
    <w:link w:val="Makroteksti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table" w:styleId="Normaaliruudukko1">
    <w:name w:val="Medium Grid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Normaaliruudukko1-korostus1">
    <w:name w:val="Medium Grid 1 Accent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Normaaliruudukko1-korostus2">
    <w:name w:val="Medium Grid 1 Accent 2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Normaaliruudukko1-korostus3">
    <w:name w:val="Medium Grid 1 Accent 3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Normaaliruudukko1-korostus4">
    <w:name w:val="Medium Grid 1 Accent 4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Normaaliruudukko1-korostus5">
    <w:name w:val="Medium Grid 1 Accent 5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Normaaliruudukko1-korostus6">
    <w:name w:val="Medium Grid 1 Accent 6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Normaaliruudukko2">
    <w:name w:val="Medium Grid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1">
    <w:name w:val="Medium Grid 2 Accent 1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2">
    <w:name w:val="Medium Grid 2 Accent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3">
    <w:name w:val="Medium Grid 2 Accent 3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4">
    <w:name w:val="Medium Grid 2 Accent 4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5">
    <w:name w:val="Medium Grid 2 Accent 5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6">
    <w:name w:val="Medium Grid 2 Accent 6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3">
    <w:name w:val="Medium Grid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Normaaliruudukko3-korostus1">
    <w:name w:val="Medium Grid 3 Accent 1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Normaaliruudukko3-korostus2">
    <w:name w:val="Medium Grid 3 Accent 2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Normaaliruudukko3-korostus3">
    <w:name w:val="Medium Grid 3 Accent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Normaaliruudukko3-korostus4">
    <w:name w:val="Medium Grid 3 Accent 4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Normaaliruudukko3-korostus5">
    <w:name w:val="Medium Grid 3 Accent 5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Normaaliruudukko3-korostus6">
    <w:name w:val="Medium Grid 3 Accent 6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Normaaliluettelo1">
    <w:name w:val="Medium Lis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Normaaliluettelo1-korostus1">
    <w:name w:val="Medium List 1 Accen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Normaaliluettelo1-korostus2">
    <w:name w:val="Medium List 1 Accent 2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Normaaliluettelo1-korostus3">
    <w:name w:val="Medium List 1 Accent 3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Normaaliluettelo1-korostus4">
    <w:name w:val="Medium List 1 Accent 4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Normaaliluettelo1-korostus5">
    <w:name w:val="Medium List 1 Accent 5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Normaaliluettelo1-korostus6">
    <w:name w:val="Medium List 1 Accent 6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Normaaliluettelo2">
    <w:name w:val="Medium Lis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1">
    <w:name w:val="Medium List 2 Accent 1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2">
    <w:name w:val="Medium List 2 Accen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3">
    <w:name w:val="Medium List 2 Accent 3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4">
    <w:name w:val="Medium List 2 Accent 4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5">
    <w:name w:val="Medium List 2 Accent 5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6">
    <w:name w:val="Medium List 2 Accent 6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varjostus1">
    <w:name w:val="Medium Shading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1">
    <w:name w:val="Medium Shading 1 Accent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2">
    <w:name w:val="Medium Shading 1 Accent 2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3">
    <w:name w:val="Medium Shading 1 Accent 3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4">
    <w:name w:val="Medium Shading 1 Accent 4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5">
    <w:name w:val="Medium Shading 1 Accent 5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6">
    <w:name w:val="Medium Shading 1 Accent 6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2">
    <w:name w:val="Medium Shading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1">
    <w:name w:val="Medium Shading 2 Accent 1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2">
    <w:name w:val="Medium Shading 2 Accent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3">
    <w:name w:val="Medium Shading 2 Accent 3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4">
    <w:name w:val="Medium Shading 2 Accent 4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5">
    <w:name w:val="Medium Shading 2 Accent 5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6">
    <w:name w:val="Medium Shading 2 Accent 6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paragraph" w:styleId="Viestinotsikko">
    <w:name w:val="Message Header"/>
    <w:basedOn w:val="Normaali"/>
    <w:link w:val="Viestinotsikko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ViestinotsikkoChar">
    <w:name w:val="Viestin otsikko Char"/>
    <w:basedOn w:val="Kappaleenoletusfontti"/>
    <w:link w:val="Viestinotsikko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fi-FI"/>
      <w14:ligatures w14:val="none"/>
    </w:rPr>
  </w:style>
  <w:style w:type="paragraph" w:styleId="NormaaliWWW">
    <w:name w:val="Normal (Web)"/>
    <w:basedOn w:val="Normaali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Huomautuksenotsikko">
    <w:name w:val="Note Heading"/>
    <w:basedOn w:val="Normaali"/>
    <w:next w:val="Normaali"/>
    <w:link w:val="HuomautuksenotsikkoChar"/>
    <w:uiPriority w:val="99"/>
    <w:semiHidden/>
    <w:rsid w:val="008F324D"/>
    <w:pPr>
      <w:spacing w:line="240" w:lineRule="auto"/>
    </w:pPr>
  </w:style>
  <w:style w:type="character" w:customStyle="1" w:styleId="HuomautuksenotsikkoChar">
    <w:name w:val="Huomautuksen otsikko Char"/>
    <w:basedOn w:val="Kappaleenoletusfontti"/>
    <w:link w:val="Huomautuksenotsikko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Yksinkertainentaulukko1">
    <w:name w:val="Plain Table 1"/>
    <w:basedOn w:val="Normaalitaulukko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2">
    <w:name w:val="Plain Table 2"/>
    <w:basedOn w:val="Normaalitaulukko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Yksinkertainentaulukko3">
    <w:name w:val="Plain Table 3"/>
    <w:basedOn w:val="Normaalitaulukko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Yksinkertainentaulukko4">
    <w:name w:val="Plain Table 4"/>
    <w:basedOn w:val="Normaalitaulukko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5">
    <w:name w:val="Plain Table 5"/>
    <w:basedOn w:val="Normaalitaulukko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Vaintekstin">
    <w:name w:val="Plain Text"/>
    <w:basedOn w:val="Normaali"/>
    <w:link w:val="Vaintekstin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VaintekstinChar">
    <w:name w:val="Vain tekstinä Char"/>
    <w:basedOn w:val="Kappaleenoletusfontti"/>
    <w:link w:val="Vaintekstin"/>
    <w:uiPriority w:val="99"/>
    <w:semiHidden/>
    <w:rsid w:val="008F324D"/>
    <w:rPr>
      <w:rFonts w:ascii="Consolas" w:hAnsi="Consolas"/>
      <w:kern w:val="0"/>
      <w:sz w:val="21"/>
      <w:szCs w:val="21"/>
      <w:lang w:val="fi-FI"/>
      <w14:ligatures w14:val="none"/>
    </w:rPr>
  </w:style>
  <w:style w:type="paragraph" w:styleId="Tervehdys">
    <w:name w:val="Salutation"/>
    <w:basedOn w:val="Normaali"/>
    <w:next w:val="Normaali"/>
    <w:link w:val="TervehdysChar"/>
    <w:uiPriority w:val="99"/>
    <w:semiHidden/>
    <w:rsid w:val="008F324D"/>
  </w:style>
  <w:style w:type="character" w:customStyle="1" w:styleId="TervehdysChar">
    <w:name w:val="Tervehdys Char"/>
    <w:basedOn w:val="Kappaleenoletusfontti"/>
    <w:link w:val="Tervehd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customStyle="1" w:styleId="SmartHyperlink1">
    <w:name w:val="Smart Hyperlink1"/>
    <w:basedOn w:val="Kappaleenoletusfontti"/>
    <w:uiPriority w:val="99"/>
    <w:semiHidden/>
    <w:rsid w:val="00872B56"/>
    <w:rPr>
      <w:u w:val="dotted"/>
      <w:lang w:val="fi-FI"/>
    </w:rPr>
  </w:style>
  <w:style w:type="table" w:styleId="Taulukko3-ulottvaikutelma1">
    <w:name w:val="Table 3D effect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3-ulottvaikutelma2">
    <w:name w:val="Table 3D effect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3-ulottvaikutelma3">
    <w:name w:val="Table 3D effect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1">
    <w:name w:val="Table Classic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2">
    <w:name w:val="Table Classic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3">
    <w:name w:val="Table Classic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4">
    <w:name w:val="Table Classic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1">
    <w:name w:val="Table Colorful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2">
    <w:name w:val="Table Colorful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3">
    <w:name w:val="Table Colorful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Sarakkeet1">
    <w:name w:val="Table Column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2">
    <w:name w:val="Table Column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3">
    <w:name w:val="Table Column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4">
    <w:name w:val="Table Columns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ulukkoSarakkeet5">
    <w:name w:val="Table Columns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ulukkoModerni">
    <w:name w:val="Table Contemporary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ulukkoKlassinen">
    <w:name w:val="Table Elegant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1">
    <w:name w:val="Table Grid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2">
    <w:name w:val="Table Grid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3">
    <w:name w:val="Table Grid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4">
    <w:name w:val="Table Grid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5">
    <w:name w:val="Table Grid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6">
    <w:name w:val="Table Grid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7">
    <w:name w:val="Table Grid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8">
    <w:name w:val="Table Grid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aaleataulukkoruudukko">
    <w:name w:val="Grid Table Light"/>
    <w:basedOn w:val="Normaalitaulukko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ulukkoLuettelo1">
    <w:name w:val="Table List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2">
    <w:name w:val="Table List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3">
    <w:name w:val="Table List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4">
    <w:name w:val="Table List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ulukkoLuettelo5">
    <w:name w:val="Table List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6">
    <w:name w:val="Table List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ulukkoLuettelo7">
    <w:name w:val="Table List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ulukkoLuettelo8">
    <w:name w:val="Table List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ulukkoPerus">
    <w:name w:val="Table Professional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Yksinkertainen1">
    <w:name w:val="Table Simp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ulukkoYksinkertainen2">
    <w:name w:val="Table Simp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Yksinkertainen3">
    <w:name w:val="Table Simple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Muotoiltu1">
    <w:name w:val="Table Subt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Muotoiltu2">
    <w:name w:val="Table Subt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Teema">
    <w:name w:val="Table Theme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ulukkoWWW1">
    <w:name w:val="Table Web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2">
    <w:name w:val="Table Web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3">
    <w:name w:val="Table Web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Kappaleenoletusfontti"/>
    <w:uiPriority w:val="99"/>
    <w:semiHidden/>
    <w:rsid w:val="00872B56"/>
    <w:rPr>
      <w:color w:val="808080"/>
      <w:shd w:val="clear" w:color="auto" w:fill="E6E6E6"/>
      <w:lang w:val="fi-FI"/>
    </w:rPr>
  </w:style>
  <w:style w:type="paragraph" w:customStyle="1" w:styleId="DocumentInfo">
    <w:name w:val="Document Info"/>
    <w:basedOn w:val="Normaali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ali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Normaalitaulukko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Eiluetteloa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Eiluetteloa"/>
    <w:uiPriority w:val="99"/>
    <w:semiHidden/>
    <w:unhideWhenUsed/>
    <w:rsid w:val="00872B56"/>
    <w:pPr>
      <w:numPr>
        <w:numId w:val="14"/>
      </w:numPr>
    </w:pPr>
  </w:style>
  <w:style w:type="character" w:styleId="Aihetunniste">
    <w:name w:val="Hashtag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Maininta">
    <w:name w:val="Mention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lyhyperlinkki">
    <w:name w:val="Smart Hyperlink"/>
    <w:basedOn w:val="Kappaleenoletusfontti"/>
    <w:uiPriority w:val="99"/>
    <w:semiHidden/>
    <w:rsid w:val="008F324D"/>
    <w:rPr>
      <w:u w:val="dotted"/>
      <w:lang w:val="fi-FI"/>
    </w:rPr>
  </w:style>
  <w:style w:type="character" w:styleId="lylinkki">
    <w:name w:val="Smart Link"/>
    <w:basedOn w:val="Kappaleenoletusfontti"/>
    <w:uiPriority w:val="99"/>
    <w:semiHidden/>
    <w:unhideWhenUsed/>
    <w:rsid w:val="00872B56"/>
    <w:rPr>
      <w:color w:val="0000FF"/>
      <w:u w:val="single"/>
      <w:shd w:val="clear" w:color="auto" w:fill="F3F2F1"/>
      <w:lang w:val="fi-FI"/>
    </w:rPr>
  </w:style>
  <w:style w:type="character" w:styleId="Ratkaisematonmaininta">
    <w:name w:val="Unresolved Mention"/>
    <w:basedOn w:val="Kappaleenoletusfontti"/>
    <w:uiPriority w:val="99"/>
    <w:semiHidden/>
    <w:rsid w:val="008F324D"/>
    <w:rPr>
      <w:color w:val="808080"/>
      <w:shd w:val="clear" w:color="auto" w:fill="E6E6E6"/>
      <w:lang w:val="fi-FI"/>
    </w:rPr>
  </w:style>
  <w:style w:type="paragraph" w:customStyle="1" w:styleId="Footer-PageNumber">
    <w:name w:val="Footer - Page Number"/>
    <w:basedOn w:val="Normaali"/>
    <w:next w:val="Alatunniste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Yltunniste"/>
    <w:uiPriority w:val="9"/>
    <w:semiHidden/>
    <w:qFormat/>
    <w:rsid w:val="00872B56"/>
  </w:style>
  <w:style w:type="paragraph" w:customStyle="1" w:styleId="DocumentHeading">
    <w:name w:val="Document Heading"/>
    <w:basedOn w:val="Normaali"/>
    <w:uiPriority w:val="6"/>
    <w:semiHidden/>
    <w:rsid w:val="008F324D"/>
    <w:pPr>
      <w:spacing w:after="260"/>
      <w:contextualSpacing/>
    </w:pPr>
    <w:rPr>
      <w:b/>
      <w:caps/>
    </w:rPr>
  </w:style>
  <w:style w:type="paragraph" w:customStyle="1" w:styleId="Potsikot">
    <w:name w:val="Pääotsikot_"/>
    <w:basedOn w:val="Normaali"/>
    <w:link w:val="PotsikotChar"/>
    <w:qFormat/>
    <w:rsid w:val="00A167FE"/>
    <w:pPr>
      <w:numPr>
        <w:numId w:val="45"/>
      </w:numPr>
      <w:spacing w:line="240" w:lineRule="auto"/>
    </w:pPr>
    <w:rPr>
      <w:rFonts w:eastAsia="Times New Roman" w:cs="Times New Roman"/>
      <w:b/>
      <w:bCs/>
      <w:lang w:eastAsia="fi-FI"/>
    </w:rPr>
  </w:style>
  <w:style w:type="character" w:customStyle="1" w:styleId="PotsikotChar">
    <w:name w:val="Pääotsikot_ Char"/>
    <w:basedOn w:val="Kappaleenoletusfontti"/>
    <w:link w:val="Potsikot"/>
    <w:rsid w:val="00A167FE"/>
    <w:rPr>
      <w:rFonts w:ascii="Verdana" w:eastAsia="Times New Roman" w:hAnsi="Verdana" w:cs="Times New Roman"/>
      <w:b/>
      <w:bCs/>
      <w:kern w:val="0"/>
      <w:sz w:val="18"/>
      <w:szCs w:val="18"/>
      <w:lang w:val="fi-FI" w:eastAsia="fi-FI"/>
      <w14:ligatures w14:val="none"/>
    </w:rPr>
  </w:style>
  <w:style w:type="paragraph" w:styleId="Muutos">
    <w:name w:val="Revision"/>
    <w:hidden/>
    <w:uiPriority w:val="99"/>
    <w:semiHidden/>
    <w:rsid w:val="00730440"/>
    <w:pPr>
      <w:spacing w:after="0" w:line="240" w:lineRule="auto"/>
    </w:pPr>
    <w:rPr>
      <w:rFonts w:ascii="Verdana" w:hAnsi="Verdana"/>
      <w:kern w:val="0"/>
      <w:sz w:val="18"/>
      <w:szCs w:val="18"/>
      <w:lang w:val="fi-FI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microsoft.com/office/2011/relationships/commentsExtended" Target="commentsExtended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styles" Target="styles.xml"/><Relationship Id="rId12" Type="http://schemas.openxmlformats.org/officeDocument/2006/relationships/comments" Target="comment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microsoft.com/office/2018/08/relationships/commentsExtensible" Target="commentsExtensible.xml"/><Relationship Id="rId23" Type="http://schemas.openxmlformats.org/officeDocument/2006/relationships/theme" Target="theme/theme1.xml"/><Relationship Id="rId10" Type="http://schemas.openxmlformats.org/officeDocument/2006/relationships/footnotes" Target="footnot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microsoft.com/office/2016/09/relationships/commentsIds" Target="commentsIds.xml"/><Relationship Id="rId22" Type="http://schemas.microsoft.com/office/2011/relationships/people" Target="people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KTN\AppData\Local\Temp\Templafy\WordVsto\wa3eb4xc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321ff1e0-daa1-41e3-b467-cc5b4fd570fc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b181ceff-c866-44ed-ad1a-27b1a20761b2"},{"elementConfiguration":{"binding":"{{UserProfile.Office.Footer01HL}}","promptAiService":false,"visibility":"","removeAndKeepContent":false,"disableUpdates":false,"type":"text"},"type":"richTextContentControl","id":"8d0bddfa-cf16-40e3-b160-9bbfcc8117d7"},{"elementConfiguration":{"binding":"{{UserProfile.Office.Footer02HL}}","promptAiService":false,"visibility":"","removeAndKeepContent":false,"disableUpdates":false,"type":"text"},"type":"richTextContentControl","id":"eb37e7bc-597e-4677-ac9c-740dc38d9cdc"},{"elementConfiguration":{"binding":"{{UserProfile.Office.Footer03HL}}","promptAiService":false,"visibility":"","removeAndKeepContent":false,"disableUpdates":false,"type":"text"},"type":"richTextContentControl","id":"f6e0961b-4378-4543-a4ba-63feb36a533e"},{"elementConfiguration":{"binding":"{{UserProfile.Office.Footer04HL}}","promptAiService":false,"visibility":"","removeAndKeepContent":false,"disableUpdates":false,"type":"text"},"type":"richTextContentControl","id":"628161da-0b51-4807-b0ea-3d5ec9f9bf1f"},{"elementConfiguration":{"binding":"{{UserProfile.Office.Footer01HL}}","promptAiService":false,"visibility":"","removeAndKeepContent":false,"disableUpdates":false,"type":"text"},"type":"richTextContentControl","id":"d64f625c-495e-4242-b8bb-c7b10d8d0c0e"},{"elementConfiguration":{"binding":"{{UserProfile.Office.Footer02HL}}","promptAiService":false,"visibility":"","removeAndKeepContent":false,"disableUpdates":false,"type":"text"},"type":"richTextContentControl","id":"9ef3e4fd-985f-4250-9460-72e5e94e7ca7"},{"elementConfiguration":{"binding":"{{UserProfile.Office.Footer03HL}}","promptAiService":false,"visibility":"","removeAndKeepContent":false,"disableUpdates":false,"type":"text"},"type":"richTextContentControl","id":"f800b591-31f4-4a74-a517-ad1624291e0f"},{"elementConfiguration":{"binding":"{{UserProfile.Office.Footer04HL}}","promptAiService":false,"visibility":"","removeAndKeepContent":false,"disableUpdates":false,"type":"text"},"type":"richTextContentControl","id":"331e0fe4-6230-447d-a121-891ecc4e021c"},{"elementConfiguration":{"visibility":"{{IfElse(Equals(UserProfile.Office.BlankSelection,\"Ramboll\"), VisibilityType.Visible, VisibilityType.Hidden)}}","disableUpdates":false,"type":"group"},"type":"richTextContentControl","id":"04d50247-68ae-4908-a59a-1c2f0fc033ec"},{"elementConfiguration":{"binding":"{{Translate(\"DocId\")}}","promptAiService":false,"removeAndKeepContent":false,"disableUpdates":false,"type":"text"},"type":"richTextContentControl","id":"efcbb619-0fd5-48cc-865b-1f5d7975648a"},{"elementConfiguration":{"binding":"{{Translate(\"Version\")}}","promptAiService":false,"removeAndKeepContent":false,"disableUpdates":false,"type":"text"},"type":"richTextContentControl","id":"97b6319d-636e-4eff-8c41-c0cc54f66a5c"},{"elementConfiguration":{"visibility":"{{IfElse(Equals(Form.FilePath.Filename, \"Exclude\"), VisibilityType.Hidden, VisibilityType.Visible)}}","disableUpdates":false,"type":"group"},"type":"richTextContentControl","id":"33dc3287-9f64-4841-b590-d4c6f003b541"},{"elementConfiguration":{"visibility":"{{IfElse(Equals(Form.FilePath.Filename, \"Exclude\"), VisibilityType.Hidden, VisibilityType.Visible)}}","disableUpdates":false,"type":"group"},"type":"richTextContentControl","id":"df105462-0027-4387-ac0c-73006d732da3"},{"elementConfiguration":{"binding":"{{UserProfile.Office.Footer01HL}}","promptAiService":false,"visibility":"","removeAndKeepContent":false,"disableUpdates":false,"type":"text"},"type":"richTextContentControl","id":"fc592974-835e-4a2e-9657-d5620dd538d1"},{"elementConfiguration":{"binding":"{{UserProfile.Office.Footer02HL}}","promptAiService":false,"visibility":"","removeAndKeepContent":false,"disableUpdates":false,"type":"text"},"type":"richTextContentControl","id":"40bce9c7-8de8-43ad-bd4d-35fea62d83e8"},{"elementConfiguration":{"binding":"{{UserProfile.Office.Footer03HL}}","promptAiService":false,"visibility":"","removeAndKeepContent":false,"disableUpdates":false,"type":"text"},"type":"richTextContentControl","id":"476a28a9-760e-423d-b075-fd9a1465c773"},{"elementConfiguration":{"binding":"{{UserProfile.Office.Footer04HL}}","promptAiService":false,"visibility":"","removeAndKeepContent":false,"disableUpdates":false,"type":"text"},"type":"richTextContentControl","id":"e41cf979-9b01-42a1-a45a-9cb57fac3f00"},{"elementConfiguration":{"binding":"{{UserProfile.Office.Footer01HL}}","promptAiService":false,"visibility":"","removeAndKeepContent":false,"disableUpdates":false,"type":"text"},"type":"richTextContentControl","id":"7231918c-5d5c-45d8-bf9c-e84cd81691b8"},{"elementConfiguration":{"binding":"{{UserProfile.Office.Footer02HL}}","promptAiService":false,"visibility":"","removeAndKeepContent":false,"disableUpdates":false,"type":"text"},"type":"richTextContentControl","id":"7d7dbf5b-8751-4560-84d9-0a394d29d3b6"},{"elementConfiguration":{"binding":"{{UserProfile.Office.Footer03HL}}","promptAiService":false,"visibility":"","removeAndKeepContent":false,"disableUpdates":false,"type":"text"},"type":"richTextContentControl","id":"8a19df06-567a-40a9-9417-8b57b8588b38"},{"elementConfiguration":{"binding":"{{UserProfile.Office.Footer04HL}}","promptAiService":false,"visibility":"","removeAndKeepContent":false,"disableUpdates":false,"type":"text"},"type":"richTextContentControl","id":"7fa088aa-aa1f-4ad8-b1b2-b5460a1ac3ee"},{"elementConfiguration":{"visibility":"{{IfElse(Equals(UserProfile.Office.BlankSelection,\"Ramboll\"), VisibilityType.Visible, VisibilityType.Hidden)}}","disableUpdates":false,"type":"group"},"type":"richTextContentControl","id":"ae9f4c7d-8e7c-4be4-bc35-efa0c60c38c3"},{"elementConfiguration":{"binding":"{{Translate(\"DocId\")}}","promptAiService":false,"removeAndKeepContent":false,"disableUpdates":false,"type":"text"},"type":"richTextContentControl","id":"4ccbdd1d-49f1-4362-9016-45e3d42ace60"},{"elementConfiguration":{"binding":"{{Translate(\"Version\")}}","promptAiService":false,"removeAndKeepContent":false,"disableUpdates":false,"type":"text"},"type":"richTextContentControl","id":"27b60292-2966-47a8-b3eb-0e180fae15ed"},{"elementConfiguration":{"visibility":"{{IfElse(Equals(Form.FilePath.Filename, \"Exclude\"), VisibilityType.Hidden, VisibilityType.Visible)}}","disableUpdates":false,"type":"group"},"type":"richTextContentControl","id":"7d3ebd40-c309-40a6-ad6f-2c3c4e71bebb"},{"elementConfiguration":{"visibility":"{{IfElse(Equals(Form.FilePath.Filename, \"Exclude\"), VisibilityType.Hidden, VisibilityType.Visible)}}","disableUpdates":false,"type":"group"},"type":"richTextContentControl","id":"78b601d0-5823-4675-a28f-14f2cb9e56f1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 (2)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5c82937-2ea2-4861-be31-63ded3678d05" xsi:nil="true"/>
    <lcf76f155ced4ddcb4097134ff3c332f xmlns="44a5ebd8-b9bd-4f76-9ea5-f6d45203b8d2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C288B6E0794A7644B0AFD7A1938EE3AF" ma:contentTypeVersion="19" ma:contentTypeDescription="Luo uusi asiakirja." ma:contentTypeScope="" ma:versionID="c27b70cc43848c102bc48b1325e0e6f6">
  <xsd:schema xmlns:xsd="http://www.w3.org/2001/XMLSchema" xmlns:xs="http://www.w3.org/2001/XMLSchema" xmlns:p="http://schemas.microsoft.com/office/2006/metadata/properties" xmlns:ns2="44a5ebd8-b9bd-4f76-9ea5-f6d45203b8d2" xmlns:ns3="e5c82937-2ea2-4861-be31-63ded3678d05" targetNamespace="http://schemas.microsoft.com/office/2006/metadata/properties" ma:root="true" ma:fieldsID="97daebe02adeb19f3ba366d484da3a82" ns2:_="" ns3:_="">
    <xsd:import namespace="44a5ebd8-b9bd-4f76-9ea5-f6d45203b8d2"/>
    <xsd:import namespace="e5c82937-2ea2-4861-be31-63ded3678d0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a5ebd8-b9bd-4f76-9ea5-f6d45203b8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Kuvien tunnisteet" ma:readOnly="false" ma:fieldId="{5cf76f15-5ced-4ddc-b409-7134ff3c332f}" ma:taxonomyMulti="true" ma:sspId="ed990ad3-1d93-4d8b-98a7-316ee4c16c4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5c82937-2ea2-4861-be31-63ded3678d05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71bf1d23-02d4-42b1-81cf-efcd8a7f4706}" ma:internalName="TaxCatchAll" ma:showField="CatchAllData" ma:web="e5c82937-2ea2-4861-be31-63ded3678d0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806B892-39E6-4E5D-8217-A4F5B399CA2C}">
  <ds:schemaRefs/>
</ds:datastoreItem>
</file>

<file path=customXml/itemProps2.xml><?xml version="1.0" encoding="utf-8"?>
<ds:datastoreItem xmlns:ds="http://schemas.openxmlformats.org/officeDocument/2006/customXml" ds:itemID="{06C70015-624F-41DB-8BE9-BF7625783B12}">
  <ds:schemaRefs/>
</ds:datastoreItem>
</file>

<file path=customXml/itemProps3.xml><?xml version="1.0" encoding="utf-8"?>
<ds:datastoreItem xmlns:ds="http://schemas.openxmlformats.org/officeDocument/2006/customXml" ds:itemID="{14B94EE2-89CD-49AD-82E7-A0230A94700B}">
  <ds:schemaRefs>
    <ds:schemaRef ds:uri="http://purl.org/dc/dcmitype/"/>
    <ds:schemaRef ds:uri="3f558ef5-342d-439d-9d5b-4d98aa831da1"/>
    <ds:schemaRef ds:uri="http://schemas.openxmlformats.org/package/2006/metadata/core-properties"/>
    <ds:schemaRef ds:uri="http://schemas.microsoft.com/office/2006/documentManagement/types"/>
    <ds:schemaRef ds:uri="http://purl.org/dc/elements/1.1/"/>
    <ds:schemaRef ds:uri="http://purl.org/dc/terms/"/>
    <ds:schemaRef ds:uri="http://schemas.microsoft.com/office/infopath/2007/PartnerControls"/>
    <ds:schemaRef ds:uri="3d08dd30-2e31-4e8b-8634-e8c01ba31e1e"/>
    <ds:schemaRef ds:uri="http://schemas.microsoft.com/office/2006/metadata/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B040A7BF-7143-4FB7-A01E-85856DEA450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148A149B-8216-4A64-AABC-AFA86F326500}"/>
</file>

<file path=docProps/app.xml><?xml version="1.0" encoding="utf-8"?>
<Properties xmlns="http://schemas.openxmlformats.org/officeDocument/2006/extended-properties" xmlns:vt="http://schemas.openxmlformats.org/officeDocument/2006/docPropsVTypes">
  <Template>wa3eb4xc.dotx</Template>
  <TotalTime>143</TotalTime>
  <Pages>6</Pages>
  <Words>882</Words>
  <Characters>7627</Characters>
  <Application>Microsoft Office Word</Application>
  <DocSecurity>0</DocSecurity>
  <Lines>181</Lines>
  <Paragraphs>9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4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iite 5. Sopimusmalli</dc:title>
  <dc:subject/>
  <dc:creator>Matti Kattainen</dc:creator>
  <cp:keywords/>
  <dc:description/>
  <cp:lastModifiedBy>Aija Nuoramo</cp:lastModifiedBy>
  <cp:revision>90</cp:revision>
  <cp:lastPrinted>2025-05-01T17:08:00Z</cp:lastPrinted>
  <dcterms:created xsi:type="dcterms:W3CDTF">2025-03-04T16:34:00Z</dcterms:created>
  <dcterms:modified xsi:type="dcterms:W3CDTF">2025-05-01T17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1085572604153562578</vt:lpwstr>
  </property>
  <property fmtid="{D5CDD505-2E9C-101B-9397-08002B2CF9AE}" pid="8" name="TemplafyUserProfileId">
    <vt:lpwstr>902765197596819522</vt:lpwstr>
  </property>
  <property fmtid="{D5CDD505-2E9C-101B-9397-08002B2CF9AE}" pid="9" name="TemplafyLanguageCode">
    <vt:lpwstr>fi-FI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  <property fmtid="{D5CDD505-2E9C-101B-9397-08002B2CF9AE}" pid="175" name="ContentTypeId">
    <vt:lpwstr>0x010100C288B6E0794A7644B0AFD7A1938EE3AF</vt:lpwstr>
  </property>
  <property fmtid="{D5CDD505-2E9C-101B-9397-08002B2CF9AE}" pid="176" name="MediaServiceImageTags">
    <vt:lpwstr/>
  </property>
  <property fmtid="{D5CDD505-2E9C-101B-9397-08002B2CF9AE}" pid="177" name="MSIP_Label_ca0af989-4ec3-4f27-abd2-8184de99bef0_Enabled">
    <vt:lpwstr>true</vt:lpwstr>
  </property>
  <property fmtid="{D5CDD505-2E9C-101B-9397-08002B2CF9AE}" pid="178" name="MSIP_Label_ca0af989-4ec3-4f27-abd2-8184de99bef0_SetDate">
    <vt:lpwstr>2025-03-25T06:56:18Z</vt:lpwstr>
  </property>
  <property fmtid="{D5CDD505-2E9C-101B-9397-08002B2CF9AE}" pid="179" name="MSIP_Label_ca0af989-4ec3-4f27-abd2-8184de99bef0_Method">
    <vt:lpwstr>Privileged</vt:lpwstr>
  </property>
  <property fmtid="{D5CDD505-2E9C-101B-9397-08002B2CF9AE}" pid="180" name="MSIP_Label_ca0af989-4ec3-4f27-abd2-8184de99bef0_Name">
    <vt:lpwstr>Public</vt:lpwstr>
  </property>
  <property fmtid="{D5CDD505-2E9C-101B-9397-08002B2CF9AE}" pid="181" name="MSIP_Label_ca0af989-4ec3-4f27-abd2-8184de99bef0_SiteId">
    <vt:lpwstr>c8823c91-be81-4f89-b024-6c3dd789c106</vt:lpwstr>
  </property>
  <property fmtid="{D5CDD505-2E9C-101B-9397-08002B2CF9AE}" pid="182" name="MSIP_Label_ca0af989-4ec3-4f27-abd2-8184de99bef0_ActionId">
    <vt:lpwstr>503d5350-e707-43f3-b73c-18daf59e2423</vt:lpwstr>
  </property>
  <property fmtid="{D5CDD505-2E9C-101B-9397-08002B2CF9AE}" pid="183" name="MSIP_Label_ca0af989-4ec3-4f27-abd2-8184de99bef0_ContentBits">
    <vt:lpwstr>0</vt:lpwstr>
  </property>
</Properties>
</file>